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ink/ink1.xml" ContentType="application/inkml+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3.xml" ContentType="application/vnd.openxmlformats-officedocument.presentationml.tags+xml"/>
  <Override PartName="/ppt/notesSlides/notesSlide13.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767" r:id="rId5"/>
    <p:sldMasterId id="2147483706" r:id="rId6"/>
  </p:sldMasterIdLst>
  <p:notesMasterIdLst>
    <p:notesMasterId r:id="rId21"/>
  </p:notesMasterIdLst>
  <p:handoutMasterIdLst>
    <p:handoutMasterId r:id="rId22"/>
  </p:handoutMasterIdLst>
  <p:sldIdLst>
    <p:sldId id="272" r:id="rId7"/>
    <p:sldId id="273" r:id="rId8"/>
    <p:sldId id="275" r:id="rId9"/>
    <p:sldId id="292" r:id="rId10"/>
    <p:sldId id="293" r:id="rId11"/>
    <p:sldId id="276" r:id="rId12"/>
    <p:sldId id="277" r:id="rId13"/>
    <p:sldId id="282" r:id="rId14"/>
    <p:sldId id="284" r:id="rId15"/>
    <p:sldId id="285" r:id="rId16"/>
    <p:sldId id="286" r:id="rId17"/>
    <p:sldId id="288" r:id="rId18"/>
    <p:sldId id="291" r:id="rId19"/>
    <p:sldId id="274" r:id="rId20"/>
  </p:sldIdLst>
  <p:sldSz cx="12192000" cy="6858000"/>
  <p:notesSz cx="6858000" cy="9144000"/>
  <p:defaultTextStyle>
    <a:defPPr>
      <a:defRPr lang="nb-NO"/>
    </a:defPPr>
    <a:lvl1pPr marL="0" algn="l" defTabSz="914355" rtl="0" eaLnBrk="1" latinLnBrk="0" hangingPunct="1">
      <a:defRPr sz="1800" kern="1200">
        <a:solidFill>
          <a:schemeClr val="tx1"/>
        </a:solidFill>
        <a:latin typeface="+mn-lt"/>
        <a:ea typeface="+mn-ea"/>
        <a:cs typeface="+mn-cs"/>
      </a:defRPr>
    </a:lvl1pPr>
    <a:lvl2pPr marL="457177" algn="l" defTabSz="914355" rtl="0" eaLnBrk="1" latinLnBrk="0" hangingPunct="1">
      <a:defRPr sz="1800" kern="1200">
        <a:solidFill>
          <a:schemeClr val="tx1"/>
        </a:solidFill>
        <a:latin typeface="+mn-lt"/>
        <a:ea typeface="+mn-ea"/>
        <a:cs typeface="+mn-cs"/>
      </a:defRPr>
    </a:lvl2pPr>
    <a:lvl3pPr marL="914355" algn="l" defTabSz="914355" rtl="0" eaLnBrk="1" latinLnBrk="0" hangingPunct="1">
      <a:defRPr sz="1800" kern="1200">
        <a:solidFill>
          <a:schemeClr val="tx1"/>
        </a:solidFill>
        <a:latin typeface="+mn-lt"/>
        <a:ea typeface="+mn-ea"/>
        <a:cs typeface="+mn-cs"/>
      </a:defRPr>
    </a:lvl3pPr>
    <a:lvl4pPr marL="1371532" algn="l" defTabSz="914355" rtl="0" eaLnBrk="1" latinLnBrk="0" hangingPunct="1">
      <a:defRPr sz="1800" kern="1200">
        <a:solidFill>
          <a:schemeClr val="tx1"/>
        </a:solidFill>
        <a:latin typeface="+mn-lt"/>
        <a:ea typeface="+mn-ea"/>
        <a:cs typeface="+mn-cs"/>
      </a:defRPr>
    </a:lvl4pPr>
    <a:lvl5pPr marL="1828709" algn="l" defTabSz="914355" rtl="0" eaLnBrk="1" latinLnBrk="0" hangingPunct="1">
      <a:defRPr sz="1800" kern="1200">
        <a:solidFill>
          <a:schemeClr val="tx1"/>
        </a:solidFill>
        <a:latin typeface="+mn-lt"/>
        <a:ea typeface="+mn-ea"/>
        <a:cs typeface="+mn-cs"/>
      </a:defRPr>
    </a:lvl5pPr>
    <a:lvl6pPr marL="2285886" algn="l" defTabSz="914355" rtl="0" eaLnBrk="1" latinLnBrk="0" hangingPunct="1">
      <a:defRPr sz="1800" kern="1200">
        <a:solidFill>
          <a:schemeClr val="tx1"/>
        </a:solidFill>
        <a:latin typeface="+mn-lt"/>
        <a:ea typeface="+mn-ea"/>
        <a:cs typeface="+mn-cs"/>
      </a:defRPr>
    </a:lvl6pPr>
    <a:lvl7pPr marL="2743063" algn="l" defTabSz="914355" rtl="0" eaLnBrk="1" latinLnBrk="0" hangingPunct="1">
      <a:defRPr sz="1800" kern="1200">
        <a:solidFill>
          <a:schemeClr val="tx1"/>
        </a:solidFill>
        <a:latin typeface="+mn-lt"/>
        <a:ea typeface="+mn-ea"/>
        <a:cs typeface="+mn-cs"/>
      </a:defRPr>
    </a:lvl7pPr>
    <a:lvl8pPr marL="3200240" algn="l" defTabSz="914355" rtl="0" eaLnBrk="1" latinLnBrk="0" hangingPunct="1">
      <a:defRPr sz="1800" kern="1200">
        <a:solidFill>
          <a:schemeClr val="tx1"/>
        </a:solidFill>
        <a:latin typeface="+mn-lt"/>
        <a:ea typeface="+mn-ea"/>
        <a:cs typeface="+mn-cs"/>
      </a:defRPr>
    </a:lvl8pPr>
    <a:lvl9pPr marL="3657417" algn="l" defTabSz="914355"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4B978"/>
    <a:srgbClr val="CDFAE1"/>
    <a:srgbClr val="EFCC61"/>
    <a:srgbClr val="DB8784"/>
    <a:srgbClr val="EAD7A0"/>
    <a:srgbClr val="DE9D9B"/>
    <a:srgbClr val="BB7FA8"/>
    <a:srgbClr val="003C65"/>
    <a:srgbClr val="FFFFFF"/>
    <a:srgbClr val="00BD7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D593F4C-4E38-4B02-B468-79A2CBDF034B}" v="1000" dt="2022-07-03T14:08:14.627"/>
    <p1510:client id="{25950812-7AFB-4717-A72E-DD72DEA72EB7}" v="33" dt="2022-07-03T20:16:51.626"/>
    <p1510:client id="{35E5AB4A-4475-4A58-82AE-1CE289EDAF39}" v="2" dt="2022-07-01T12:21:00.688"/>
    <p1510:client id="{36C4F1ED-9F2C-4977-ACBD-183036605371}" v="11" dt="2022-07-02T12:10:09.485"/>
    <p1510:client id="{382A0452-888B-47B4-A809-243FD15422A8}" v="234" dt="2022-07-02T19:50:49.044"/>
    <p1510:client id="{4E952893-E9FF-4541-AA5E-70A59DF5B695}" v="17" dt="2022-07-01T09:02:25.510"/>
    <p1510:client id="{78F89934-ED9A-48F6-9915-705B4C67B6E0}" v="17" dt="2022-07-04T19:54:59.520"/>
    <p1510:client id="{81AC8AC8-260D-485B-B971-EBE4478CC851}" v="9" dt="2022-07-04T21:00:44.966"/>
    <p1510:client id="{825F7633-CDDD-4401-8557-ADCD9D3071FE}" v="1" dt="2022-07-04T10:40:55.642"/>
    <p1510:client id="{888D2823-9E89-4064-A158-7F485614BF55}" v="9" dt="2022-06-30T14:54:08.460"/>
    <p1510:client id="{8DD9BCEF-476C-4EF2-99E8-89D03DC96F2D}" v="1" dt="2022-07-03T17:52:26.937"/>
    <p1510:client id="{98693E5B-711F-4D49-A377-585833DF92EE}" v="3" dt="2022-07-04T19:34:08.952"/>
    <p1510:client id="{B70D22B5-7EF2-4D29-AD02-2C808DC21E4C}" v="131" dt="2022-07-01T09:02:31.357"/>
    <p1510:client id="{C025448D-5757-4FA1-98E3-118D8218E144}" v="198" dt="2022-07-01T19:27:58.859"/>
    <p1510:client id="{CFF20C1B-5D28-4D14-ACC5-D4DE92370BF6}" v="27" dt="2022-07-03T13:38:34.713"/>
    <p1510:client id="{D9631A29-B5C8-466D-AC98-83AB6A940472}" v="123" dt="2022-07-04T07:24:24.418"/>
    <p1510:client id="{FAAEF27D-949D-4C48-9088-71E84D7F483A}" v="79" dt="2022-07-03T15:58:15.23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viewProps" Target="viewProps.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presProps" Target="presProps.xml"/><Relationship Id="rId28" Type="http://schemas.microsoft.com/office/2015/10/relationships/revisionInfo" Target="revisionInfo.xml"/><Relationship Id="rId10" Type="http://schemas.openxmlformats.org/officeDocument/2006/relationships/slide" Target="slides/slide4.xml"/><Relationship Id="rId19" Type="http://schemas.openxmlformats.org/officeDocument/2006/relationships/slide" Target="slides/slide13.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handoutMaster" Target="handoutMasters/handoutMaster1.xml"/><Relationship Id="rId27"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Vetle Nevland" userId="e8351a88428b982e" providerId="Windows Live" clId="Web-{8DD9BCEF-476C-4EF2-99E8-89D03DC96F2D}"/>
    <pc:docChg chg="modSld">
      <pc:chgData name="Vetle Nevland" userId="e8351a88428b982e" providerId="Windows Live" clId="Web-{8DD9BCEF-476C-4EF2-99E8-89D03DC96F2D}" dt="2022-07-03T17:55:35.880" v="143"/>
      <pc:docMkLst>
        <pc:docMk/>
      </pc:docMkLst>
      <pc:sldChg chg="modNotes">
        <pc:chgData name="Vetle Nevland" userId="e8351a88428b982e" providerId="Windows Live" clId="Web-{8DD9BCEF-476C-4EF2-99E8-89D03DC96F2D}" dt="2022-07-03T17:47:36.381" v="42"/>
        <pc:sldMkLst>
          <pc:docMk/>
          <pc:sldMk cId="1350729691" sldId="275"/>
        </pc:sldMkLst>
      </pc:sldChg>
      <pc:sldChg chg="modNotes">
        <pc:chgData name="Vetle Nevland" userId="e8351a88428b982e" providerId="Windows Live" clId="Web-{8DD9BCEF-476C-4EF2-99E8-89D03DC96F2D}" dt="2022-07-03T17:52:24.531" v="122"/>
        <pc:sldMkLst>
          <pc:docMk/>
          <pc:sldMk cId="1517011920" sldId="276"/>
        </pc:sldMkLst>
      </pc:sldChg>
      <pc:sldChg chg="modNotes">
        <pc:chgData name="Vetle Nevland" userId="e8351a88428b982e" providerId="Windows Live" clId="Web-{8DD9BCEF-476C-4EF2-99E8-89D03DC96F2D}" dt="2022-07-03T17:55:35.880" v="143"/>
        <pc:sldMkLst>
          <pc:docMk/>
          <pc:sldMk cId="263792605" sldId="277"/>
        </pc:sldMkLst>
      </pc:sldChg>
    </pc:docChg>
  </pc:docChgLst>
  <pc:docChgLst>
    <pc:chgData name="Gjestebruker" providerId="Windows Live" clId="Web-{382A0452-888B-47B4-A809-243FD15422A8}"/>
    <pc:docChg chg="modSld">
      <pc:chgData name="Gjestebruker" userId="" providerId="Windows Live" clId="Web-{382A0452-888B-47B4-A809-243FD15422A8}" dt="2022-07-02T20:01:40.610" v="2904"/>
      <pc:docMkLst>
        <pc:docMk/>
      </pc:docMkLst>
      <pc:sldChg chg="modNotes">
        <pc:chgData name="Gjestebruker" userId="" providerId="Windows Live" clId="Web-{382A0452-888B-47B4-A809-243FD15422A8}" dt="2022-07-02T19:17:01.202" v="498"/>
        <pc:sldMkLst>
          <pc:docMk/>
          <pc:sldMk cId="3254351504" sldId="273"/>
        </pc:sldMkLst>
      </pc:sldChg>
      <pc:sldChg chg="addSp delSp modSp modNotes">
        <pc:chgData name="Gjestebruker" userId="" providerId="Windows Live" clId="Web-{382A0452-888B-47B4-A809-243FD15422A8}" dt="2022-07-02T20:01:40.610" v="2904"/>
        <pc:sldMkLst>
          <pc:docMk/>
          <pc:sldMk cId="2783117066" sldId="282"/>
        </pc:sldMkLst>
        <pc:spChg chg="mod">
          <ac:chgData name="Gjestebruker" userId="" providerId="Windows Live" clId="Web-{382A0452-888B-47B4-A809-243FD15422A8}" dt="2022-07-02T19:12:30.622" v="309" actId="1076"/>
          <ac:spMkLst>
            <pc:docMk/>
            <pc:sldMk cId="2783117066" sldId="282"/>
            <ac:spMk id="2" creationId="{EFFA73D2-92B6-5760-CAF5-27345768A390}"/>
          </ac:spMkLst>
        </pc:spChg>
        <pc:spChg chg="mod">
          <ac:chgData name="Gjestebruker" userId="" providerId="Windows Live" clId="Web-{382A0452-888B-47B4-A809-243FD15422A8}" dt="2022-07-02T19:43:52.027" v="2056" actId="20577"/>
          <ac:spMkLst>
            <pc:docMk/>
            <pc:sldMk cId="2783117066" sldId="282"/>
            <ac:spMk id="3" creationId="{F07B3BF2-E771-7314-FD63-7EDC710D92F0}"/>
          </ac:spMkLst>
        </pc:spChg>
        <pc:spChg chg="add del mod">
          <ac:chgData name="Gjestebruker" userId="" providerId="Windows Live" clId="Web-{382A0452-888B-47B4-A809-243FD15422A8}" dt="2022-07-02T19:19:21.437" v="606"/>
          <ac:spMkLst>
            <pc:docMk/>
            <pc:sldMk cId="2783117066" sldId="282"/>
            <ac:spMk id="5" creationId="{DD0B3E1F-3292-B36A-8392-6BD24B8BD2F5}"/>
          </ac:spMkLst>
        </pc:spChg>
        <pc:picChg chg="add mod">
          <ac:chgData name="Gjestebruker" userId="" providerId="Windows Live" clId="Web-{382A0452-888B-47B4-A809-243FD15422A8}" dt="2022-07-02T19:50:49.044" v="2323" actId="1076"/>
          <ac:picMkLst>
            <pc:docMk/>
            <pc:sldMk cId="2783117066" sldId="282"/>
            <ac:picMk id="6" creationId="{FA88FE97-6F5C-E2E7-E728-BCDDCE84D50F}"/>
          </ac:picMkLst>
        </pc:picChg>
        <pc:picChg chg="add del mod">
          <ac:chgData name="Gjestebruker" userId="" providerId="Windows Live" clId="Web-{382A0452-888B-47B4-A809-243FD15422A8}" dt="2022-07-02T19:46:03.215" v="2131"/>
          <ac:picMkLst>
            <pc:docMk/>
            <pc:sldMk cId="2783117066" sldId="282"/>
            <ac:picMk id="7" creationId="{C7983313-407E-05C2-417C-EBC429E29341}"/>
          </ac:picMkLst>
        </pc:picChg>
        <pc:picChg chg="add mod">
          <ac:chgData name="Gjestebruker" userId="" providerId="Windows Live" clId="Web-{382A0452-888B-47B4-A809-243FD15422A8}" dt="2022-07-02T19:50:44.607" v="2322" actId="1076"/>
          <ac:picMkLst>
            <pc:docMk/>
            <pc:sldMk cId="2783117066" sldId="282"/>
            <ac:picMk id="8" creationId="{6AEF8885-D5A8-67C7-096D-EFF888A6F27E}"/>
          </ac:picMkLst>
        </pc:picChg>
      </pc:sldChg>
    </pc:docChg>
  </pc:docChgLst>
  <pc:docChgLst>
    <pc:chgData name="Eirik Lian" userId="fd61fa22-a593-499a-9d93-9ab7056758e5" providerId="ADAL" clId="{6C3851D4-A9BE-8F4D-A5D3-B15E1F563717}"/>
    <pc:docChg chg="addSld delSld sldOrd">
      <pc:chgData name="Eirik Lian" userId="fd61fa22-a593-499a-9d93-9ab7056758e5" providerId="ADAL" clId="{6C3851D4-A9BE-8F4D-A5D3-B15E1F563717}" dt="2021-01-06T08:40:36.816" v="2" actId="2696"/>
      <pc:docMkLst>
        <pc:docMk/>
      </pc:docMkLst>
      <pc:sldChg chg="del">
        <pc:chgData name="Eirik Lian" userId="fd61fa22-a593-499a-9d93-9ab7056758e5" providerId="ADAL" clId="{6C3851D4-A9BE-8F4D-A5D3-B15E1F563717}" dt="2021-01-06T08:40:36.816" v="2" actId="2696"/>
        <pc:sldMkLst>
          <pc:docMk/>
          <pc:sldMk cId="2881792189" sldId="262"/>
        </pc:sldMkLst>
      </pc:sldChg>
      <pc:sldChg chg="new ord">
        <pc:chgData name="Eirik Lian" userId="fd61fa22-a593-499a-9d93-9ab7056758e5" providerId="ADAL" clId="{6C3851D4-A9BE-8F4D-A5D3-B15E1F563717}" dt="2021-01-06T08:40:01.920" v="1" actId="20578"/>
        <pc:sldMkLst>
          <pc:docMk/>
          <pc:sldMk cId="620042618" sldId="266"/>
        </pc:sldMkLst>
      </pc:sldChg>
    </pc:docChg>
  </pc:docChgLst>
  <pc:docChgLst>
    <pc:chgData name="Vetle Nevland" userId="e8351a88428b982e" providerId="Windows Live" clId="Web-{25950812-7AFB-4717-A72E-DD72DEA72EB7}"/>
    <pc:docChg chg="addSld modSld">
      <pc:chgData name="Vetle Nevland" userId="e8351a88428b982e" providerId="Windows Live" clId="Web-{25950812-7AFB-4717-A72E-DD72DEA72EB7}" dt="2022-07-03T20:16:51.626" v="138"/>
      <pc:docMkLst>
        <pc:docMk/>
      </pc:docMkLst>
      <pc:sldChg chg="modSp modNotes">
        <pc:chgData name="Vetle Nevland" userId="e8351a88428b982e" providerId="Windows Live" clId="Web-{25950812-7AFB-4717-A72E-DD72DEA72EB7}" dt="2022-07-03T19:52:01.717" v="15"/>
        <pc:sldMkLst>
          <pc:docMk/>
          <pc:sldMk cId="1350729691" sldId="275"/>
        </pc:sldMkLst>
        <pc:spChg chg="mod">
          <ac:chgData name="Vetle Nevland" userId="e8351a88428b982e" providerId="Windows Live" clId="Web-{25950812-7AFB-4717-A72E-DD72DEA72EB7}" dt="2022-07-03T19:50:46.934" v="4" actId="20577"/>
          <ac:spMkLst>
            <pc:docMk/>
            <pc:sldMk cId="1350729691" sldId="275"/>
            <ac:spMk id="3" creationId="{2FC06C17-1E33-4899-990D-562A42466C64}"/>
          </ac:spMkLst>
        </pc:spChg>
      </pc:sldChg>
      <pc:sldChg chg="modNotes">
        <pc:chgData name="Vetle Nevland" userId="e8351a88428b982e" providerId="Windows Live" clId="Web-{25950812-7AFB-4717-A72E-DD72DEA72EB7}" dt="2022-07-03T20:00:10.781" v="117"/>
        <pc:sldMkLst>
          <pc:docMk/>
          <pc:sldMk cId="1517011920" sldId="276"/>
        </pc:sldMkLst>
      </pc:sldChg>
      <pc:sldChg chg="addSp modSp">
        <pc:chgData name="Vetle Nevland" userId="e8351a88428b982e" providerId="Windows Live" clId="Web-{25950812-7AFB-4717-A72E-DD72DEA72EB7}" dt="2022-07-03T20:16:51.626" v="138"/>
        <pc:sldMkLst>
          <pc:docMk/>
          <pc:sldMk cId="263792605" sldId="277"/>
        </pc:sldMkLst>
        <pc:picChg chg="add mod modCrop">
          <ac:chgData name="Vetle Nevland" userId="e8351a88428b982e" providerId="Windows Live" clId="Web-{25950812-7AFB-4717-A72E-DD72DEA72EB7}" dt="2022-07-03T20:15:53.296" v="132"/>
          <ac:picMkLst>
            <pc:docMk/>
            <pc:sldMk cId="263792605" sldId="277"/>
            <ac:picMk id="5" creationId="{F42D4A27-FF71-B105-B3FE-8EF00000690F}"/>
          </ac:picMkLst>
        </pc:picChg>
        <pc:picChg chg="add mod ord modCrop">
          <ac:chgData name="Vetle Nevland" userId="e8351a88428b982e" providerId="Windows Live" clId="Web-{25950812-7AFB-4717-A72E-DD72DEA72EB7}" dt="2022-07-03T20:15:28.499" v="130"/>
          <ac:picMkLst>
            <pc:docMk/>
            <pc:sldMk cId="263792605" sldId="277"/>
            <ac:picMk id="6" creationId="{4A8E95F6-EE5F-9E00-3E54-23B1662C70CD}"/>
          </ac:picMkLst>
        </pc:picChg>
        <pc:picChg chg="add mod ord modCrop">
          <ac:chgData name="Vetle Nevland" userId="e8351a88428b982e" providerId="Windows Live" clId="Web-{25950812-7AFB-4717-A72E-DD72DEA72EB7}" dt="2022-07-03T20:16:51.626" v="138"/>
          <ac:picMkLst>
            <pc:docMk/>
            <pc:sldMk cId="263792605" sldId="277"/>
            <ac:picMk id="7" creationId="{DC9E47FB-8309-3305-6FD7-6DE424CCE720}"/>
          </ac:picMkLst>
        </pc:picChg>
      </pc:sldChg>
      <pc:sldChg chg="modSp add replId modNotes">
        <pc:chgData name="Vetle Nevland" userId="e8351a88428b982e" providerId="Windows Live" clId="Web-{25950812-7AFB-4717-A72E-DD72DEA72EB7}" dt="2022-07-03T19:52:23.702" v="24"/>
        <pc:sldMkLst>
          <pc:docMk/>
          <pc:sldMk cId="3877186036" sldId="292"/>
        </pc:sldMkLst>
        <pc:spChg chg="mod">
          <ac:chgData name="Vetle Nevland" userId="e8351a88428b982e" providerId="Windows Live" clId="Web-{25950812-7AFB-4717-A72E-DD72DEA72EB7}" dt="2022-07-03T19:51:01.825" v="7" actId="20577"/>
          <ac:spMkLst>
            <pc:docMk/>
            <pc:sldMk cId="3877186036" sldId="292"/>
            <ac:spMk id="3" creationId="{2FC06C17-1E33-4899-990D-562A42466C64}"/>
          </ac:spMkLst>
        </pc:spChg>
      </pc:sldChg>
      <pc:sldChg chg="add replId modNotes">
        <pc:chgData name="Vetle Nevland" userId="e8351a88428b982e" providerId="Windows Live" clId="Web-{25950812-7AFB-4717-A72E-DD72DEA72EB7}" dt="2022-07-03T19:52:30.203" v="26"/>
        <pc:sldMkLst>
          <pc:docMk/>
          <pc:sldMk cId="3704355514" sldId="293"/>
        </pc:sldMkLst>
      </pc:sldChg>
    </pc:docChg>
  </pc:docChgLst>
  <pc:docChgLst>
    <pc:chgData name="Gjestebruker" providerId="Windows Live" clId="Web-{0D593F4C-4E38-4B02-B468-79A2CBDF034B}"/>
    <pc:docChg chg="addSld delSld modSld sldOrd">
      <pc:chgData name="Gjestebruker" userId="" providerId="Windows Live" clId="Web-{0D593F4C-4E38-4B02-B468-79A2CBDF034B}" dt="2022-07-03T14:11:20.813" v="5105"/>
      <pc:docMkLst>
        <pc:docMk/>
      </pc:docMkLst>
      <pc:sldChg chg="modNotes">
        <pc:chgData name="Gjestebruker" userId="" providerId="Windows Live" clId="Web-{0D593F4C-4E38-4B02-B468-79A2CBDF034B}" dt="2022-07-03T14:06:21.987" v="4898"/>
        <pc:sldMkLst>
          <pc:docMk/>
          <pc:sldMk cId="3254351504" sldId="273"/>
        </pc:sldMkLst>
      </pc:sldChg>
      <pc:sldChg chg="modNotes">
        <pc:chgData name="Gjestebruker" userId="" providerId="Windows Live" clId="Web-{0D593F4C-4E38-4B02-B468-79A2CBDF034B}" dt="2022-07-03T14:11:20.813" v="5105"/>
        <pc:sldMkLst>
          <pc:docMk/>
          <pc:sldMk cId="2783117066" sldId="282"/>
        </pc:sldMkLst>
      </pc:sldChg>
      <pc:sldChg chg="addSp delSp modSp new addAnim delAnim modAnim modNotes">
        <pc:chgData name="Gjestebruker" userId="" providerId="Windows Live" clId="Web-{0D593F4C-4E38-4B02-B468-79A2CBDF034B}" dt="2022-07-03T14:07:25.158" v="4900"/>
        <pc:sldMkLst>
          <pc:docMk/>
          <pc:sldMk cId="1209175498" sldId="284"/>
        </pc:sldMkLst>
        <pc:spChg chg="mod">
          <ac:chgData name="Gjestebruker" userId="" providerId="Windows Live" clId="Web-{0D593F4C-4E38-4B02-B468-79A2CBDF034B}" dt="2022-07-03T09:39:31.304" v="24" actId="14100"/>
          <ac:spMkLst>
            <pc:docMk/>
            <pc:sldMk cId="1209175498" sldId="284"/>
            <ac:spMk id="2" creationId="{1AC599D6-6469-5817-DEF0-AC2117790B91}"/>
          </ac:spMkLst>
        </pc:spChg>
        <pc:spChg chg="mod">
          <ac:chgData name="Gjestebruker" userId="" providerId="Windows Live" clId="Web-{0D593F4C-4E38-4B02-B468-79A2CBDF034B}" dt="2022-07-03T09:50:54.559" v="373" actId="20577"/>
          <ac:spMkLst>
            <pc:docMk/>
            <pc:sldMk cId="1209175498" sldId="284"/>
            <ac:spMk id="3" creationId="{1475C74B-2B11-E30D-6187-B1699FE322FB}"/>
          </ac:spMkLst>
        </pc:spChg>
        <pc:spChg chg="add del mod">
          <ac:chgData name="Gjestebruker" userId="" providerId="Windows Live" clId="Web-{0D593F4C-4E38-4B02-B468-79A2CBDF034B}" dt="2022-07-03T09:59:32.141" v="531"/>
          <ac:spMkLst>
            <pc:docMk/>
            <pc:sldMk cId="1209175498" sldId="284"/>
            <ac:spMk id="9" creationId="{7C0C238D-1265-B1F6-89DB-E3CF7003C6E6}"/>
          </ac:spMkLst>
        </pc:spChg>
        <pc:spChg chg="add mod">
          <ac:chgData name="Gjestebruker" userId="" providerId="Windows Live" clId="Web-{0D593F4C-4E38-4B02-B468-79A2CBDF034B}" dt="2022-07-03T10:00:45.376" v="559" actId="1076"/>
          <ac:spMkLst>
            <pc:docMk/>
            <pc:sldMk cId="1209175498" sldId="284"/>
            <ac:spMk id="10" creationId="{F35AE43A-E83E-C4D7-C71B-8DACB55AF1BD}"/>
          </ac:spMkLst>
        </pc:spChg>
        <pc:spChg chg="add del mod">
          <ac:chgData name="Gjestebruker" userId="" providerId="Windows Live" clId="Web-{0D593F4C-4E38-4B02-B468-79A2CBDF034B}" dt="2022-07-03T09:59:33.626" v="532"/>
          <ac:spMkLst>
            <pc:docMk/>
            <pc:sldMk cId="1209175498" sldId="284"/>
            <ac:spMk id="11" creationId="{915EC42F-1AB2-801B-F025-29F2FE449278}"/>
          </ac:spMkLst>
        </pc:spChg>
        <pc:spChg chg="add del mod">
          <ac:chgData name="Gjestebruker" userId="" providerId="Windows Live" clId="Web-{0D593F4C-4E38-4B02-B468-79A2CBDF034B}" dt="2022-07-03T09:59:34.657" v="533"/>
          <ac:spMkLst>
            <pc:docMk/>
            <pc:sldMk cId="1209175498" sldId="284"/>
            <ac:spMk id="12" creationId="{0066E20A-31F4-2E3C-F92C-2428E915CFDC}"/>
          </ac:spMkLst>
        </pc:spChg>
        <pc:spChg chg="add mod">
          <ac:chgData name="Gjestebruker" userId="" providerId="Windows Live" clId="Web-{0D593F4C-4E38-4B02-B468-79A2CBDF034B}" dt="2022-07-03T09:59:42.782" v="539" actId="1076"/>
          <ac:spMkLst>
            <pc:docMk/>
            <pc:sldMk cId="1209175498" sldId="284"/>
            <ac:spMk id="13" creationId="{CBE09A4C-6DE7-4510-35CE-CD779E554D65}"/>
          </ac:spMkLst>
        </pc:spChg>
        <pc:spChg chg="add mod">
          <ac:chgData name="Gjestebruker" userId="" providerId="Windows Live" clId="Web-{0D593F4C-4E38-4B02-B468-79A2CBDF034B}" dt="2022-07-03T09:59:44.923" v="540" actId="1076"/>
          <ac:spMkLst>
            <pc:docMk/>
            <pc:sldMk cId="1209175498" sldId="284"/>
            <ac:spMk id="14" creationId="{E47CAC64-1CA5-93F5-4B6C-183D28A16CA0}"/>
          </ac:spMkLst>
        </pc:spChg>
        <pc:spChg chg="add mod">
          <ac:chgData name="Gjestebruker" userId="" providerId="Windows Live" clId="Web-{0D593F4C-4E38-4B02-B468-79A2CBDF034B}" dt="2022-07-03T09:59:39.251" v="537" actId="1076"/>
          <ac:spMkLst>
            <pc:docMk/>
            <pc:sldMk cId="1209175498" sldId="284"/>
            <ac:spMk id="15" creationId="{882EBC66-C61E-7126-F5AF-3F786C16AF74}"/>
          </ac:spMkLst>
        </pc:spChg>
        <pc:spChg chg="add del mod">
          <ac:chgData name="Gjestebruker" userId="" providerId="Windows Live" clId="Web-{0D593F4C-4E38-4B02-B468-79A2CBDF034B}" dt="2022-07-03T10:06:06.176" v="647"/>
          <ac:spMkLst>
            <pc:docMk/>
            <pc:sldMk cId="1209175498" sldId="284"/>
            <ac:spMk id="20" creationId="{1A98A468-F99F-1174-27C2-F33595598513}"/>
          </ac:spMkLst>
        </pc:spChg>
        <pc:spChg chg="add del mod">
          <ac:chgData name="Gjestebruker" userId="" providerId="Windows Live" clId="Web-{0D593F4C-4E38-4B02-B468-79A2CBDF034B}" dt="2022-07-03T10:05:56.254" v="642"/>
          <ac:spMkLst>
            <pc:docMk/>
            <pc:sldMk cId="1209175498" sldId="284"/>
            <ac:spMk id="21" creationId="{B14F262F-6F3D-C001-6358-6E521883AB74}"/>
          </ac:spMkLst>
        </pc:spChg>
        <pc:spChg chg="add del mod">
          <ac:chgData name="Gjestebruker" userId="" providerId="Windows Live" clId="Web-{0D593F4C-4E38-4B02-B468-79A2CBDF034B}" dt="2022-07-03T10:05:54.520" v="640"/>
          <ac:spMkLst>
            <pc:docMk/>
            <pc:sldMk cId="1209175498" sldId="284"/>
            <ac:spMk id="22" creationId="{81881A56-9E2B-27D0-BAA1-9ED5601AFE4A}"/>
          </ac:spMkLst>
        </pc:spChg>
        <pc:spChg chg="add del mod">
          <ac:chgData name="Gjestebruker" userId="" providerId="Windows Live" clId="Web-{0D593F4C-4E38-4B02-B468-79A2CBDF034B}" dt="2022-07-03T10:05:52.785" v="638"/>
          <ac:spMkLst>
            <pc:docMk/>
            <pc:sldMk cId="1209175498" sldId="284"/>
            <ac:spMk id="23" creationId="{E1317F10-6E56-2100-F0B4-1C1A9DFDAAD7}"/>
          </ac:spMkLst>
        </pc:spChg>
        <pc:picChg chg="add del mod">
          <ac:chgData name="Gjestebruker" userId="" providerId="Windows Live" clId="Web-{0D593F4C-4E38-4B02-B468-79A2CBDF034B}" dt="2022-07-03T09:53:57.623" v="382"/>
          <ac:picMkLst>
            <pc:docMk/>
            <pc:sldMk cId="1209175498" sldId="284"/>
            <ac:picMk id="5" creationId="{FFD77260-CDE6-D312-BF62-C914313678A8}"/>
          </ac:picMkLst>
        </pc:picChg>
        <pc:picChg chg="add del mod">
          <ac:chgData name="Gjestebruker" userId="" providerId="Windows Live" clId="Web-{0D593F4C-4E38-4B02-B468-79A2CBDF034B}" dt="2022-07-03T09:55:24.186" v="477"/>
          <ac:picMkLst>
            <pc:docMk/>
            <pc:sldMk cId="1209175498" sldId="284"/>
            <ac:picMk id="6" creationId="{1DEB4829-2C45-BBE6-C4A1-2CD03D596DBB}"/>
          </ac:picMkLst>
        </pc:picChg>
        <pc:picChg chg="add del mod">
          <ac:chgData name="Gjestebruker" userId="" providerId="Windows Live" clId="Web-{0D593F4C-4E38-4B02-B468-79A2CBDF034B}" dt="2022-07-03T09:58:37.563" v="512"/>
          <ac:picMkLst>
            <pc:docMk/>
            <pc:sldMk cId="1209175498" sldId="284"/>
            <ac:picMk id="7" creationId="{D668D6F5-AA42-A9B1-527C-8F9BCBD673C8}"/>
          </ac:picMkLst>
        </pc:picChg>
        <pc:picChg chg="add del mod">
          <ac:chgData name="Gjestebruker" userId="" providerId="Windows Live" clId="Web-{0D593F4C-4E38-4B02-B468-79A2CBDF034B}" dt="2022-07-03T09:58:43.938" v="515"/>
          <ac:picMkLst>
            <pc:docMk/>
            <pc:sldMk cId="1209175498" sldId="284"/>
            <ac:picMk id="8" creationId="{A027611E-370C-72C8-71CB-42A3288A2E2D}"/>
          </ac:picMkLst>
        </pc:picChg>
        <pc:inkChg chg="add del">
          <ac:chgData name="Gjestebruker" userId="" providerId="Windows Live" clId="Web-{0D593F4C-4E38-4B02-B468-79A2CBDF034B}" dt="2022-07-03T10:05:02.363" v="623"/>
          <ac:inkMkLst>
            <pc:docMk/>
            <pc:sldMk cId="1209175498" sldId="284"/>
            <ac:inkMk id="24" creationId="{464DC8A7-C443-2A39-73A0-83A4AA62DED4}"/>
          </ac:inkMkLst>
        </pc:inkChg>
        <pc:inkChg chg="add del">
          <ac:chgData name="Gjestebruker" userId="" providerId="Windows Live" clId="Web-{0D593F4C-4E38-4B02-B468-79A2CBDF034B}" dt="2022-07-03T10:05:06.082" v="625"/>
          <ac:inkMkLst>
            <pc:docMk/>
            <pc:sldMk cId="1209175498" sldId="284"/>
            <ac:inkMk id="25" creationId="{A42C9FA3-3C05-AB2B-592C-BCBFA96F946C}"/>
          </ac:inkMkLst>
        </pc:inkChg>
        <pc:inkChg chg="add del">
          <ac:chgData name="Gjestebruker" userId="" providerId="Windows Live" clId="Web-{0D593F4C-4E38-4B02-B468-79A2CBDF034B}" dt="2022-07-03T10:05:50.223" v="635"/>
          <ac:inkMkLst>
            <pc:docMk/>
            <pc:sldMk cId="1209175498" sldId="284"/>
            <ac:inkMk id="26" creationId="{07FB493D-6C30-5894-92C3-FCCDF4C38A7A}"/>
          </ac:inkMkLst>
        </pc:inkChg>
        <pc:inkChg chg="add del">
          <ac:chgData name="Gjestebruker" userId="" providerId="Windows Live" clId="Web-{0D593F4C-4E38-4B02-B468-79A2CBDF034B}" dt="2022-07-03T10:05:13.925" v="630"/>
          <ac:inkMkLst>
            <pc:docMk/>
            <pc:sldMk cId="1209175498" sldId="284"/>
            <ac:inkMk id="27" creationId="{51D884AE-802B-9389-E974-12877B50AD96}"/>
          </ac:inkMkLst>
        </pc:inkChg>
        <pc:inkChg chg="add del">
          <ac:chgData name="Gjestebruker" userId="" providerId="Windows Live" clId="Web-{0D593F4C-4E38-4B02-B468-79A2CBDF034B}" dt="2022-07-03T10:05:12.972" v="629"/>
          <ac:inkMkLst>
            <pc:docMk/>
            <pc:sldMk cId="1209175498" sldId="284"/>
            <ac:inkMk id="28" creationId="{E3F9CFB0-851F-2924-2628-5B3E06FF81D2}"/>
          </ac:inkMkLst>
        </pc:inkChg>
        <pc:cxnChg chg="add mod">
          <ac:chgData name="Gjestebruker" userId="" providerId="Windows Live" clId="Web-{0D593F4C-4E38-4B02-B468-79A2CBDF034B}" dt="2022-07-03T10:00:41.345" v="558" actId="1076"/>
          <ac:cxnSpMkLst>
            <pc:docMk/>
            <pc:sldMk cId="1209175498" sldId="284"/>
            <ac:cxnSpMk id="16" creationId="{04A192A3-6F54-9603-0B46-7C9F908A6E15}"/>
          </ac:cxnSpMkLst>
        </pc:cxnChg>
        <pc:cxnChg chg="add mod">
          <ac:chgData name="Gjestebruker" userId="" providerId="Windows Live" clId="Web-{0D593F4C-4E38-4B02-B468-79A2CBDF034B}" dt="2022-07-03T10:00:14.173" v="549" actId="14100"/>
          <ac:cxnSpMkLst>
            <pc:docMk/>
            <pc:sldMk cId="1209175498" sldId="284"/>
            <ac:cxnSpMk id="17" creationId="{2A09838D-5987-81C4-199C-E3FE284A71A0}"/>
          </ac:cxnSpMkLst>
        </pc:cxnChg>
        <pc:cxnChg chg="add mod">
          <ac:chgData name="Gjestebruker" userId="" providerId="Windows Live" clId="Web-{0D593F4C-4E38-4B02-B468-79A2CBDF034B}" dt="2022-07-03T10:00:25.829" v="556" actId="14100"/>
          <ac:cxnSpMkLst>
            <pc:docMk/>
            <pc:sldMk cId="1209175498" sldId="284"/>
            <ac:cxnSpMk id="18" creationId="{EC7C6FD8-1089-2434-896C-631FA7FCE948}"/>
          </ac:cxnSpMkLst>
        </pc:cxnChg>
        <pc:cxnChg chg="add mod">
          <ac:chgData name="Gjestebruker" userId="" providerId="Windows Live" clId="Web-{0D593F4C-4E38-4B02-B468-79A2CBDF034B}" dt="2022-07-03T10:00:22.783" v="555" actId="14100"/>
          <ac:cxnSpMkLst>
            <pc:docMk/>
            <pc:sldMk cId="1209175498" sldId="284"/>
            <ac:cxnSpMk id="19" creationId="{17894D9A-EB38-D0FF-8081-BEB2C355DF88}"/>
          </ac:cxnSpMkLst>
        </pc:cxnChg>
      </pc:sldChg>
      <pc:sldChg chg="modSp add replId modNotes">
        <pc:chgData name="Gjestebruker" userId="" providerId="Windows Live" clId="Web-{0D593F4C-4E38-4B02-B468-79A2CBDF034B}" dt="2022-07-03T10:09:55.662" v="846"/>
        <pc:sldMkLst>
          <pc:docMk/>
          <pc:sldMk cId="217129757" sldId="285"/>
        </pc:sldMkLst>
        <pc:spChg chg="mod ord">
          <ac:chgData name="Gjestebruker" userId="" providerId="Windows Live" clId="Web-{0D593F4C-4E38-4B02-B468-79A2CBDF034B}" dt="2022-07-03T10:06:58.145" v="658"/>
          <ac:spMkLst>
            <pc:docMk/>
            <pc:sldMk cId="217129757" sldId="285"/>
            <ac:spMk id="10" creationId="{F35AE43A-E83E-C4D7-C71B-8DACB55AF1BD}"/>
          </ac:spMkLst>
        </pc:spChg>
        <pc:spChg chg="mod ord">
          <ac:chgData name="Gjestebruker" userId="" providerId="Windows Live" clId="Web-{0D593F4C-4E38-4B02-B468-79A2CBDF034B}" dt="2022-07-03T10:07:02.786" v="660"/>
          <ac:spMkLst>
            <pc:docMk/>
            <pc:sldMk cId="217129757" sldId="285"/>
            <ac:spMk id="13" creationId="{CBE09A4C-6DE7-4510-35CE-CD779E554D65}"/>
          </ac:spMkLst>
        </pc:spChg>
        <pc:spChg chg="mod ord">
          <ac:chgData name="Gjestebruker" userId="" providerId="Windows Live" clId="Web-{0D593F4C-4E38-4B02-B468-79A2CBDF034B}" dt="2022-07-03T10:07:00.348" v="659"/>
          <ac:spMkLst>
            <pc:docMk/>
            <pc:sldMk cId="217129757" sldId="285"/>
            <ac:spMk id="14" creationId="{E47CAC64-1CA5-93F5-4B6C-183D28A16CA0}"/>
          </ac:spMkLst>
        </pc:spChg>
        <pc:spChg chg="mod ord">
          <ac:chgData name="Gjestebruker" userId="" providerId="Windows Live" clId="Web-{0D593F4C-4E38-4B02-B468-79A2CBDF034B}" dt="2022-07-03T10:07:10.317" v="661"/>
          <ac:spMkLst>
            <pc:docMk/>
            <pc:sldMk cId="217129757" sldId="285"/>
            <ac:spMk id="15" creationId="{882EBC66-C61E-7126-F5AF-3F786C16AF74}"/>
          </ac:spMkLst>
        </pc:spChg>
      </pc:sldChg>
      <pc:sldChg chg="add del replId">
        <pc:chgData name="Gjestebruker" userId="" providerId="Windows Live" clId="Web-{0D593F4C-4E38-4B02-B468-79A2CBDF034B}" dt="2022-07-03T10:05:58.270" v="644"/>
        <pc:sldMkLst>
          <pc:docMk/>
          <pc:sldMk cId="1526991619" sldId="285"/>
        </pc:sldMkLst>
      </pc:sldChg>
      <pc:sldChg chg="addSp delSp modSp add ord replId modNotes">
        <pc:chgData name="Gjestebruker" userId="" providerId="Windows Live" clId="Web-{0D593F4C-4E38-4B02-B468-79A2CBDF034B}" dt="2022-07-03T14:02:24.676" v="4842"/>
        <pc:sldMkLst>
          <pc:docMk/>
          <pc:sldMk cId="32726552" sldId="286"/>
        </pc:sldMkLst>
        <pc:spChg chg="mod">
          <ac:chgData name="Gjestebruker" userId="" providerId="Windows Live" clId="Web-{0D593F4C-4E38-4B02-B468-79A2CBDF034B}" dt="2022-07-03T13:35:38.763" v="3452" actId="1076"/>
          <ac:spMkLst>
            <pc:docMk/>
            <pc:sldMk cId="32726552" sldId="286"/>
            <ac:spMk id="3" creationId="{1475C74B-2B11-E30D-6187-B1699FE322FB}"/>
          </ac:spMkLst>
        </pc:spChg>
        <pc:spChg chg="add del mod">
          <ac:chgData name="Gjestebruker" userId="" providerId="Windows Live" clId="Web-{0D593F4C-4E38-4B02-B468-79A2CBDF034B}" dt="2022-07-03T13:00:51.958" v="1809"/>
          <ac:spMkLst>
            <pc:docMk/>
            <pc:sldMk cId="32726552" sldId="286"/>
            <ac:spMk id="6" creationId="{AADE212E-61EA-CD29-037E-A56F57B4EF2A}"/>
          </ac:spMkLst>
        </pc:spChg>
        <pc:spChg chg="add del mod">
          <ac:chgData name="Gjestebruker" userId="" providerId="Windows Live" clId="Web-{0D593F4C-4E38-4B02-B468-79A2CBDF034B}" dt="2022-07-03T13:01:10.958" v="1814"/>
          <ac:spMkLst>
            <pc:docMk/>
            <pc:sldMk cId="32726552" sldId="286"/>
            <ac:spMk id="8" creationId="{57BDE06C-3D4E-E401-05D5-2B16C206E8A8}"/>
          </ac:spMkLst>
        </pc:spChg>
        <pc:spChg chg="add del mod">
          <ac:chgData name="Gjestebruker" userId="" providerId="Windows Live" clId="Web-{0D593F4C-4E38-4B02-B468-79A2CBDF034B}" dt="2022-07-03T13:08:18.315" v="2075"/>
          <ac:spMkLst>
            <pc:docMk/>
            <pc:sldMk cId="32726552" sldId="286"/>
            <ac:spMk id="20" creationId="{276A4F66-D3DA-97BE-A03E-40D8071FF81C}"/>
          </ac:spMkLst>
        </pc:spChg>
        <pc:spChg chg="add del mod">
          <ac:chgData name="Gjestebruker" userId="" providerId="Windows Live" clId="Web-{0D593F4C-4E38-4B02-B468-79A2CBDF034B}" dt="2022-07-03T13:08:18.315" v="2074"/>
          <ac:spMkLst>
            <pc:docMk/>
            <pc:sldMk cId="32726552" sldId="286"/>
            <ac:spMk id="21" creationId="{2129F610-4AD3-FAE3-DBA5-FF93D2105749}"/>
          </ac:spMkLst>
        </pc:spChg>
        <pc:spChg chg="add del mod">
          <ac:chgData name="Gjestebruker" userId="" providerId="Windows Live" clId="Web-{0D593F4C-4E38-4B02-B468-79A2CBDF034B}" dt="2022-07-03T13:08:18.315" v="2073"/>
          <ac:spMkLst>
            <pc:docMk/>
            <pc:sldMk cId="32726552" sldId="286"/>
            <ac:spMk id="22" creationId="{2AB2B51F-4D7F-A649-EFCD-3492950E17D8}"/>
          </ac:spMkLst>
        </pc:spChg>
        <pc:spChg chg="add del mod">
          <ac:chgData name="Gjestebruker" userId="" providerId="Windows Live" clId="Web-{0D593F4C-4E38-4B02-B468-79A2CBDF034B}" dt="2022-07-03T13:08:18.315" v="2071"/>
          <ac:spMkLst>
            <pc:docMk/>
            <pc:sldMk cId="32726552" sldId="286"/>
            <ac:spMk id="24" creationId="{98DE681B-D748-7057-865B-F1481C149943}"/>
          </ac:spMkLst>
        </pc:spChg>
        <pc:spChg chg="add del mod">
          <ac:chgData name="Gjestebruker" userId="" providerId="Windows Live" clId="Web-{0D593F4C-4E38-4B02-B468-79A2CBDF034B}" dt="2022-07-03T13:08:18.315" v="2070"/>
          <ac:spMkLst>
            <pc:docMk/>
            <pc:sldMk cId="32726552" sldId="286"/>
            <ac:spMk id="25" creationId="{FF9E0F64-C01C-A6A4-64C5-F93C40182AA0}"/>
          </ac:spMkLst>
        </pc:spChg>
        <pc:spChg chg="add del mod">
          <ac:chgData name="Gjestebruker" userId="" providerId="Windows Live" clId="Web-{0D593F4C-4E38-4B02-B468-79A2CBDF034B}" dt="2022-07-03T13:08:18.315" v="2069"/>
          <ac:spMkLst>
            <pc:docMk/>
            <pc:sldMk cId="32726552" sldId="286"/>
            <ac:spMk id="26" creationId="{CDB75D98-B0BA-651E-AAF7-C580E91179C4}"/>
          </ac:spMkLst>
        </pc:spChg>
        <pc:picChg chg="add mod">
          <ac:chgData name="Gjestebruker" userId="" providerId="Windows Live" clId="Web-{0D593F4C-4E38-4B02-B468-79A2CBDF034B}" dt="2022-07-03T12:56:34.726" v="1453" actId="1076"/>
          <ac:picMkLst>
            <pc:docMk/>
            <pc:sldMk cId="32726552" sldId="286"/>
            <ac:picMk id="5" creationId="{7F56C0CA-76FA-37C6-E35B-563DDD51F7FA}"/>
          </ac:picMkLst>
        </pc:picChg>
        <pc:picChg chg="add del mod">
          <ac:chgData name="Gjestebruker" userId="" providerId="Windows Live" clId="Web-{0D593F4C-4E38-4B02-B468-79A2CBDF034B}" dt="2022-07-03T10:21:13.855" v="997"/>
          <ac:picMkLst>
            <pc:docMk/>
            <pc:sldMk cId="32726552" sldId="286"/>
            <ac:picMk id="8" creationId="{3C9FF9E3-D394-DADC-DCBB-571A25D5C5F2}"/>
          </ac:picMkLst>
        </pc:picChg>
        <pc:picChg chg="add del mod">
          <ac:chgData name="Gjestebruker" userId="" providerId="Windows Live" clId="Web-{0D593F4C-4E38-4B02-B468-79A2CBDF034B}" dt="2022-07-03T10:28:00.811" v="1003"/>
          <ac:picMkLst>
            <pc:docMk/>
            <pc:sldMk cId="32726552" sldId="286"/>
            <ac:picMk id="9" creationId="{C1D8AE84-9006-74FC-C175-839AC3FFB0B0}"/>
          </ac:picMkLst>
        </pc:picChg>
        <pc:picChg chg="add del mod">
          <ac:chgData name="Gjestebruker" userId="" providerId="Windows Live" clId="Web-{0D593F4C-4E38-4B02-B468-79A2CBDF034B}" dt="2022-07-03T12:52:35.618" v="1016"/>
          <ac:picMkLst>
            <pc:docMk/>
            <pc:sldMk cId="32726552" sldId="286"/>
            <ac:picMk id="11" creationId="{A22824F1-9D7F-05A9-642D-C925FF4A0F28}"/>
          </ac:picMkLst>
        </pc:picChg>
        <pc:picChg chg="add del mod">
          <ac:chgData name="Gjestebruker" userId="" providerId="Windows Live" clId="Web-{0D593F4C-4E38-4B02-B468-79A2CBDF034B}" dt="2022-07-03T13:01:27.380" v="1821"/>
          <ac:picMkLst>
            <pc:docMk/>
            <pc:sldMk cId="32726552" sldId="286"/>
            <ac:picMk id="12" creationId="{1FF12A9B-69E9-1165-0521-EC01439C1FAD}"/>
          </ac:picMkLst>
        </pc:picChg>
        <pc:picChg chg="add del mod">
          <ac:chgData name="Gjestebruker" userId="" providerId="Windows Live" clId="Web-{0D593F4C-4E38-4B02-B468-79A2CBDF034B}" dt="2022-07-03T13:08:18.315" v="2072"/>
          <ac:picMkLst>
            <pc:docMk/>
            <pc:sldMk cId="32726552" sldId="286"/>
            <ac:picMk id="23" creationId="{03E5462A-C386-A6D5-BB72-703B1FABA618}"/>
          </ac:picMkLst>
        </pc:picChg>
        <pc:inkChg chg="add del">
          <ac:chgData name="Gjestebruker" userId="" providerId="Windows Live" clId="Web-{0D593F4C-4E38-4B02-B468-79A2CBDF034B}" dt="2022-07-03T10:07:59.880" v="734"/>
          <ac:inkMkLst>
            <pc:docMk/>
            <pc:sldMk cId="32726552" sldId="286"/>
            <ac:inkMk id="5" creationId="{BA00E313-C7A1-C807-367A-CDE0B55D721A}"/>
          </ac:inkMkLst>
        </pc:inkChg>
        <pc:inkChg chg="add del">
          <ac:chgData name="Gjestebruker" userId="" providerId="Windows Live" clId="Web-{0D593F4C-4E38-4B02-B468-79A2CBDF034B}" dt="2022-07-03T10:08:04.833" v="736"/>
          <ac:inkMkLst>
            <pc:docMk/>
            <pc:sldMk cId="32726552" sldId="286"/>
            <ac:inkMk id="6" creationId="{466DE10B-558E-93B0-0308-91536A76B80F}"/>
          </ac:inkMkLst>
        </pc:inkChg>
        <pc:inkChg chg="add">
          <ac:chgData name="Gjestebruker" userId="" providerId="Windows Live" clId="Web-{0D593F4C-4E38-4B02-B468-79A2CBDF034B}" dt="2022-07-03T10:08:07.567" v="737"/>
          <ac:inkMkLst>
            <pc:docMk/>
            <pc:sldMk cId="32726552" sldId="286"/>
            <ac:inkMk id="7" creationId="{024F37B5-631C-94A0-4DD0-FCD823AA0C6C}"/>
          </ac:inkMkLst>
        </pc:inkChg>
      </pc:sldChg>
      <pc:sldChg chg="new del">
        <pc:chgData name="Gjestebruker" userId="" providerId="Windows Live" clId="Web-{0D593F4C-4E38-4B02-B468-79A2CBDF034B}" dt="2022-07-03T13:08:12.362" v="2068"/>
        <pc:sldMkLst>
          <pc:docMk/>
          <pc:sldMk cId="3403141102" sldId="287"/>
        </pc:sldMkLst>
      </pc:sldChg>
      <pc:sldChg chg="addSp delSp modSp add del replId modNotes">
        <pc:chgData name="Gjestebruker" userId="" providerId="Windows Live" clId="Web-{0D593F4C-4E38-4B02-B468-79A2CBDF034B}" dt="2022-07-03T10:18:34.010" v="977"/>
        <pc:sldMkLst>
          <pc:docMk/>
          <pc:sldMk cId="3569350746" sldId="287"/>
        </pc:sldMkLst>
        <pc:spChg chg="mod">
          <ac:chgData name="Gjestebruker" userId="" providerId="Windows Live" clId="Web-{0D593F4C-4E38-4B02-B468-79A2CBDF034B}" dt="2022-07-03T10:12:09.804" v="926" actId="20577"/>
          <ac:spMkLst>
            <pc:docMk/>
            <pc:sldMk cId="3569350746" sldId="287"/>
            <ac:spMk id="3" creationId="{1475C74B-2B11-E30D-6187-B1699FE322FB}"/>
          </ac:spMkLst>
        </pc:spChg>
        <pc:spChg chg="del">
          <ac:chgData name="Gjestebruker" userId="" providerId="Windows Live" clId="Web-{0D593F4C-4E38-4B02-B468-79A2CBDF034B}" dt="2022-07-03T10:10:08.162" v="851"/>
          <ac:spMkLst>
            <pc:docMk/>
            <pc:sldMk cId="3569350746" sldId="287"/>
            <ac:spMk id="10" creationId="{F35AE43A-E83E-C4D7-C71B-8DACB55AF1BD}"/>
          </ac:spMkLst>
        </pc:spChg>
        <pc:spChg chg="del">
          <ac:chgData name="Gjestebruker" userId="" providerId="Windows Live" clId="Web-{0D593F4C-4E38-4B02-B468-79A2CBDF034B}" dt="2022-07-03T10:10:08.162" v="849"/>
          <ac:spMkLst>
            <pc:docMk/>
            <pc:sldMk cId="3569350746" sldId="287"/>
            <ac:spMk id="13" creationId="{CBE09A4C-6DE7-4510-35CE-CD779E554D65}"/>
          </ac:spMkLst>
        </pc:spChg>
        <pc:spChg chg="del">
          <ac:chgData name="Gjestebruker" userId="" providerId="Windows Live" clId="Web-{0D593F4C-4E38-4B02-B468-79A2CBDF034B}" dt="2022-07-03T10:10:08.162" v="850"/>
          <ac:spMkLst>
            <pc:docMk/>
            <pc:sldMk cId="3569350746" sldId="287"/>
            <ac:spMk id="14" creationId="{E47CAC64-1CA5-93F5-4B6C-183D28A16CA0}"/>
          </ac:spMkLst>
        </pc:spChg>
        <pc:spChg chg="del">
          <ac:chgData name="Gjestebruker" userId="" providerId="Windows Live" clId="Web-{0D593F4C-4E38-4B02-B468-79A2CBDF034B}" dt="2022-07-03T10:10:08.162" v="852"/>
          <ac:spMkLst>
            <pc:docMk/>
            <pc:sldMk cId="3569350746" sldId="287"/>
            <ac:spMk id="15" creationId="{882EBC66-C61E-7126-F5AF-3F786C16AF74}"/>
          </ac:spMkLst>
        </pc:spChg>
        <pc:inkChg chg="add del">
          <ac:chgData name="Gjestebruker" userId="" providerId="Windows Live" clId="Web-{0D593F4C-4E38-4B02-B468-79A2CBDF034B}" dt="2022-07-03T10:10:10.412" v="857"/>
          <ac:inkMkLst>
            <pc:docMk/>
            <pc:sldMk cId="3569350746" sldId="287"/>
            <ac:inkMk id="5" creationId="{4452356D-A4CB-4627-5A68-13BF48A0B34D}"/>
          </ac:inkMkLst>
        </pc:inkChg>
        <pc:inkChg chg="del">
          <ac:chgData name="Gjestebruker" userId="" providerId="Windows Live" clId="Web-{0D593F4C-4E38-4B02-B468-79A2CBDF034B}" dt="2022-07-03T10:10:16.194" v="858"/>
          <ac:inkMkLst>
            <pc:docMk/>
            <pc:sldMk cId="3569350746" sldId="287"/>
            <ac:inkMk id="7" creationId="{024F37B5-631C-94A0-4DD0-FCD823AA0C6C}"/>
          </ac:inkMkLst>
        </pc:inkChg>
        <pc:cxnChg chg="del">
          <ac:chgData name="Gjestebruker" userId="" providerId="Windows Live" clId="Web-{0D593F4C-4E38-4B02-B468-79A2CBDF034B}" dt="2022-07-03T10:10:08.162" v="856"/>
          <ac:cxnSpMkLst>
            <pc:docMk/>
            <pc:sldMk cId="3569350746" sldId="287"/>
            <ac:cxnSpMk id="16" creationId="{04A192A3-6F54-9603-0B46-7C9F908A6E15}"/>
          </ac:cxnSpMkLst>
        </pc:cxnChg>
        <pc:cxnChg chg="del">
          <ac:chgData name="Gjestebruker" userId="" providerId="Windows Live" clId="Web-{0D593F4C-4E38-4B02-B468-79A2CBDF034B}" dt="2022-07-03T10:10:08.162" v="855"/>
          <ac:cxnSpMkLst>
            <pc:docMk/>
            <pc:sldMk cId="3569350746" sldId="287"/>
            <ac:cxnSpMk id="17" creationId="{2A09838D-5987-81C4-199C-E3FE284A71A0}"/>
          </ac:cxnSpMkLst>
        </pc:cxnChg>
        <pc:cxnChg chg="del">
          <ac:chgData name="Gjestebruker" userId="" providerId="Windows Live" clId="Web-{0D593F4C-4E38-4B02-B468-79A2CBDF034B}" dt="2022-07-03T10:10:08.162" v="854"/>
          <ac:cxnSpMkLst>
            <pc:docMk/>
            <pc:sldMk cId="3569350746" sldId="287"/>
            <ac:cxnSpMk id="18" creationId="{EC7C6FD8-1089-2434-896C-631FA7FCE948}"/>
          </ac:cxnSpMkLst>
        </pc:cxnChg>
        <pc:cxnChg chg="del">
          <ac:chgData name="Gjestebruker" userId="" providerId="Windows Live" clId="Web-{0D593F4C-4E38-4B02-B468-79A2CBDF034B}" dt="2022-07-03T10:10:08.162" v="853"/>
          <ac:cxnSpMkLst>
            <pc:docMk/>
            <pc:sldMk cId="3569350746" sldId="287"/>
            <ac:cxnSpMk id="19" creationId="{17894D9A-EB38-D0FF-8081-BEB2C355DF88}"/>
          </ac:cxnSpMkLst>
        </pc:cxnChg>
      </pc:sldChg>
      <pc:sldChg chg="add del replId">
        <pc:chgData name="Gjestebruker" userId="" providerId="Windows Live" clId="Web-{0D593F4C-4E38-4B02-B468-79A2CBDF034B}" dt="2022-07-03T12:59:31.146" v="1799"/>
        <pc:sldMkLst>
          <pc:docMk/>
          <pc:sldMk cId="785304591" sldId="288"/>
        </pc:sldMkLst>
      </pc:sldChg>
      <pc:sldChg chg="addSp delSp modSp add replId modNotes">
        <pc:chgData name="Gjestebruker" userId="" providerId="Windows Live" clId="Web-{0D593F4C-4E38-4B02-B468-79A2CBDF034B}" dt="2022-07-03T14:04:12.816" v="4848"/>
        <pc:sldMkLst>
          <pc:docMk/>
          <pc:sldMk cId="2480284760" sldId="288"/>
        </pc:sldMkLst>
        <pc:spChg chg="mod">
          <ac:chgData name="Gjestebruker" userId="" providerId="Windows Live" clId="Web-{0D593F4C-4E38-4B02-B468-79A2CBDF034B}" dt="2022-07-03T13:15:22.584" v="2434" actId="20577"/>
          <ac:spMkLst>
            <pc:docMk/>
            <pc:sldMk cId="2480284760" sldId="288"/>
            <ac:spMk id="3" creationId="{1475C74B-2B11-E30D-6187-B1699FE322FB}"/>
          </ac:spMkLst>
        </pc:spChg>
        <pc:spChg chg="add mod ord">
          <ac:chgData name="Gjestebruker" userId="" providerId="Windows Live" clId="Web-{0D593F4C-4E38-4B02-B468-79A2CBDF034B}" dt="2022-07-03T13:30:15.312" v="3236" actId="20577"/>
          <ac:spMkLst>
            <pc:docMk/>
            <pc:sldMk cId="2480284760" sldId="288"/>
            <ac:spMk id="9" creationId="{24394369-38BC-34A6-7A99-EE441C88BE5B}"/>
          </ac:spMkLst>
        </pc:spChg>
        <pc:spChg chg="del">
          <ac:chgData name="Gjestebruker" userId="" providerId="Windows Live" clId="Web-{0D593F4C-4E38-4B02-B468-79A2CBDF034B}" dt="2022-07-03T13:15:01.396" v="2419"/>
          <ac:spMkLst>
            <pc:docMk/>
            <pc:sldMk cId="2480284760" sldId="288"/>
            <ac:spMk id="10" creationId="{F35AE43A-E83E-C4D7-C71B-8DACB55AF1BD}"/>
          </ac:spMkLst>
        </pc:spChg>
        <pc:spChg chg="del">
          <ac:chgData name="Gjestebruker" userId="" providerId="Windows Live" clId="Web-{0D593F4C-4E38-4B02-B468-79A2CBDF034B}" dt="2022-07-03T13:15:01.396" v="2418"/>
          <ac:spMkLst>
            <pc:docMk/>
            <pc:sldMk cId="2480284760" sldId="288"/>
            <ac:spMk id="13" creationId="{CBE09A4C-6DE7-4510-35CE-CD779E554D65}"/>
          </ac:spMkLst>
        </pc:spChg>
        <pc:spChg chg="del">
          <ac:chgData name="Gjestebruker" userId="" providerId="Windows Live" clId="Web-{0D593F4C-4E38-4B02-B468-79A2CBDF034B}" dt="2022-07-03T13:15:05.240" v="2426"/>
          <ac:spMkLst>
            <pc:docMk/>
            <pc:sldMk cId="2480284760" sldId="288"/>
            <ac:spMk id="14" creationId="{E47CAC64-1CA5-93F5-4B6C-183D28A16CA0}"/>
          </ac:spMkLst>
        </pc:spChg>
        <pc:spChg chg="del">
          <ac:chgData name="Gjestebruker" userId="" providerId="Windows Live" clId="Web-{0D593F4C-4E38-4B02-B468-79A2CBDF034B}" dt="2022-07-03T13:15:01.396" v="2420"/>
          <ac:spMkLst>
            <pc:docMk/>
            <pc:sldMk cId="2480284760" sldId="288"/>
            <ac:spMk id="15" creationId="{882EBC66-C61E-7126-F5AF-3F786C16AF74}"/>
          </ac:spMkLst>
        </pc:spChg>
        <pc:spChg chg="mod">
          <ac:chgData name="Gjestebruker" userId="" providerId="Windows Live" clId="Web-{0D593F4C-4E38-4B02-B468-79A2CBDF034B}" dt="2022-07-03T13:30:13.859" v="3233" actId="20577"/>
          <ac:spMkLst>
            <pc:docMk/>
            <pc:sldMk cId="2480284760" sldId="288"/>
            <ac:spMk id="20" creationId="{276A4F66-D3DA-97BE-A03E-40D8071FF81C}"/>
          </ac:spMkLst>
        </pc:spChg>
        <pc:spChg chg="mod">
          <ac:chgData name="Gjestebruker" userId="" providerId="Windows Live" clId="Web-{0D593F4C-4E38-4B02-B468-79A2CBDF034B}" dt="2022-07-03T13:27:06.563" v="2970" actId="20577"/>
          <ac:spMkLst>
            <pc:docMk/>
            <pc:sldMk cId="2480284760" sldId="288"/>
            <ac:spMk id="21" creationId="{2129F610-4AD3-FAE3-DBA5-FF93D2105749}"/>
          </ac:spMkLst>
        </pc:spChg>
        <pc:spChg chg="del mod">
          <ac:chgData name="Gjestebruker" userId="" providerId="Windows Live" clId="Web-{0D593F4C-4E38-4B02-B468-79A2CBDF034B}" dt="2022-07-03T13:19:44.816" v="2471"/>
          <ac:spMkLst>
            <pc:docMk/>
            <pc:sldMk cId="2480284760" sldId="288"/>
            <ac:spMk id="22" creationId="{2AB2B51F-4D7F-A649-EFCD-3492950E17D8}"/>
          </ac:spMkLst>
        </pc:spChg>
        <pc:spChg chg="mod">
          <ac:chgData name="Gjestebruker" userId="" providerId="Windows Live" clId="Web-{0D593F4C-4E38-4B02-B468-79A2CBDF034B}" dt="2022-07-03T13:21:52.175" v="2518" actId="1076"/>
          <ac:spMkLst>
            <pc:docMk/>
            <pc:sldMk cId="2480284760" sldId="288"/>
            <ac:spMk id="24" creationId="{98DE681B-D748-7057-865B-F1481C149943}"/>
          </ac:spMkLst>
        </pc:spChg>
        <pc:spChg chg="mod">
          <ac:chgData name="Gjestebruker" userId="" providerId="Windows Live" clId="Web-{0D593F4C-4E38-4B02-B468-79A2CBDF034B}" dt="2022-07-03T13:21:42.894" v="2513" actId="1076"/>
          <ac:spMkLst>
            <pc:docMk/>
            <pc:sldMk cId="2480284760" sldId="288"/>
            <ac:spMk id="25" creationId="{FF9E0F64-C01C-A6A4-64C5-F93C40182AA0}"/>
          </ac:spMkLst>
        </pc:spChg>
        <pc:spChg chg="mod">
          <ac:chgData name="Gjestebruker" userId="" providerId="Windows Live" clId="Web-{0D593F4C-4E38-4B02-B468-79A2CBDF034B}" dt="2022-07-03T13:21:47.925" v="2515" actId="1076"/>
          <ac:spMkLst>
            <pc:docMk/>
            <pc:sldMk cId="2480284760" sldId="288"/>
            <ac:spMk id="26" creationId="{CDB75D98-B0BA-651E-AAF7-C580E91179C4}"/>
          </ac:spMkLst>
        </pc:spChg>
        <pc:picChg chg="add del">
          <ac:chgData name="Gjestebruker" userId="" providerId="Windows Live" clId="Web-{0D593F4C-4E38-4B02-B468-79A2CBDF034B}" dt="2022-07-03T13:15:04.287" v="2425"/>
          <ac:picMkLst>
            <pc:docMk/>
            <pc:sldMk cId="2480284760" sldId="288"/>
            <ac:picMk id="5" creationId="{7F56C0CA-76FA-37C6-E35B-563DDD51F7FA}"/>
          </ac:picMkLst>
        </pc:picChg>
        <pc:picChg chg="add del mod">
          <ac:chgData name="Gjestebruker" userId="" providerId="Windows Live" clId="Web-{0D593F4C-4E38-4B02-B468-79A2CBDF034B}" dt="2022-07-03T13:22:25.784" v="2553"/>
          <ac:picMkLst>
            <pc:docMk/>
            <pc:sldMk cId="2480284760" sldId="288"/>
            <ac:picMk id="6" creationId="{B401A8FF-1B4E-CC44-1C41-72687AB2750C}"/>
          </ac:picMkLst>
        </pc:picChg>
        <pc:picChg chg="add mod">
          <ac:chgData name="Gjestebruker" userId="" providerId="Windows Live" clId="Web-{0D593F4C-4E38-4B02-B468-79A2CBDF034B}" dt="2022-07-03T13:27:11.251" v="2971" actId="1076"/>
          <ac:picMkLst>
            <pc:docMk/>
            <pc:sldMk cId="2480284760" sldId="288"/>
            <ac:picMk id="8" creationId="{A0A9CD88-5754-8F4D-3F24-2670AF8A8EDB}"/>
          </ac:picMkLst>
        </pc:picChg>
        <pc:picChg chg="add mod">
          <ac:chgData name="Gjestebruker" userId="" providerId="Windows Live" clId="Web-{0D593F4C-4E38-4B02-B468-79A2CBDF034B}" dt="2022-07-03T14:03:05.160" v="4843" actId="1076"/>
          <ac:picMkLst>
            <pc:docMk/>
            <pc:sldMk cId="2480284760" sldId="288"/>
            <ac:picMk id="11" creationId="{7A8EF1C4-9D05-3F6B-301D-A567BF2922E1}"/>
          </ac:picMkLst>
        </pc:picChg>
        <pc:picChg chg="add del mod">
          <ac:chgData name="Gjestebruker" userId="" providerId="Windows Live" clId="Web-{0D593F4C-4E38-4B02-B468-79A2CBDF034B}" dt="2022-07-03T13:29:50.203" v="3209"/>
          <ac:picMkLst>
            <pc:docMk/>
            <pc:sldMk cId="2480284760" sldId="288"/>
            <ac:picMk id="12" creationId="{0E26622C-56FD-3016-0EA7-158352C60F97}"/>
          </ac:picMkLst>
        </pc:picChg>
        <pc:picChg chg="add del mod">
          <ac:chgData name="Gjestebruker" userId="" providerId="Windows Live" clId="Web-{0D593F4C-4E38-4B02-B468-79A2CBDF034B}" dt="2022-07-03T13:19:26.379" v="2460"/>
          <ac:picMkLst>
            <pc:docMk/>
            <pc:sldMk cId="2480284760" sldId="288"/>
            <ac:picMk id="23" creationId="{03E5462A-C386-A6D5-BB72-703B1FABA618}"/>
          </ac:picMkLst>
        </pc:picChg>
        <pc:picChg chg="add mod">
          <ac:chgData name="Gjestebruker" userId="" providerId="Windows Live" clId="Web-{0D593F4C-4E38-4B02-B468-79A2CBDF034B}" dt="2022-07-03T13:31:32.687" v="3241" actId="1076"/>
          <ac:picMkLst>
            <pc:docMk/>
            <pc:sldMk cId="2480284760" sldId="288"/>
            <ac:picMk id="27" creationId="{F326F007-883B-8EC1-2939-1E007224E442}"/>
          </ac:picMkLst>
        </pc:picChg>
        <pc:inkChg chg="del">
          <ac:chgData name="Gjestebruker" userId="" providerId="Windows Live" clId="Web-{0D593F4C-4E38-4B02-B468-79A2CBDF034B}" dt="2022-07-03T13:15:01.396" v="2417"/>
          <ac:inkMkLst>
            <pc:docMk/>
            <pc:sldMk cId="2480284760" sldId="288"/>
            <ac:inkMk id="7" creationId="{024F37B5-631C-94A0-4DD0-FCD823AA0C6C}"/>
          </ac:inkMkLst>
        </pc:inkChg>
        <pc:cxnChg chg="del">
          <ac:chgData name="Gjestebruker" userId="" providerId="Windows Live" clId="Web-{0D593F4C-4E38-4B02-B468-79A2CBDF034B}" dt="2022-07-03T13:15:01.396" v="2424"/>
          <ac:cxnSpMkLst>
            <pc:docMk/>
            <pc:sldMk cId="2480284760" sldId="288"/>
            <ac:cxnSpMk id="16" creationId="{04A192A3-6F54-9603-0B46-7C9F908A6E15}"/>
          </ac:cxnSpMkLst>
        </pc:cxnChg>
        <pc:cxnChg chg="del">
          <ac:chgData name="Gjestebruker" userId="" providerId="Windows Live" clId="Web-{0D593F4C-4E38-4B02-B468-79A2CBDF034B}" dt="2022-07-03T13:15:01.396" v="2423"/>
          <ac:cxnSpMkLst>
            <pc:docMk/>
            <pc:sldMk cId="2480284760" sldId="288"/>
            <ac:cxnSpMk id="17" creationId="{2A09838D-5987-81C4-199C-E3FE284A71A0}"/>
          </ac:cxnSpMkLst>
        </pc:cxnChg>
        <pc:cxnChg chg="del">
          <ac:chgData name="Gjestebruker" userId="" providerId="Windows Live" clId="Web-{0D593F4C-4E38-4B02-B468-79A2CBDF034B}" dt="2022-07-03T13:15:01.396" v="2422"/>
          <ac:cxnSpMkLst>
            <pc:docMk/>
            <pc:sldMk cId="2480284760" sldId="288"/>
            <ac:cxnSpMk id="18" creationId="{EC7C6FD8-1089-2434-896C-631FA7FCE948}"/>
          </ac:cxnSpMkLst>
        </pc:cxnChg>
        <pc:cxnChg chg="del">
          <ac:chgData name="Gjestebruker" userId="" providerId="Windows Live" clId="Web-{0D593F4C-4E38-4B02-B468-79A2CBDF034B}" dt="2022-07-03T13:15:01.396" v="2421"/>
          <ac:cxnSpMkLst>
            <pc:docMk/>
            <pc:sldMk cId="2480284760" sldId="288"/>
            <ac:cxnSpMk id="19" creationId="{17894D9A-EB38-D0FF-8081-BEB2C355DF88}"/>
          </ac:cxnSpMkLst>
        </pc:cxnChg>
      </pc:sldChg>
      <pc:sldChg chg="modSp new del modNotes">
        <pc:chgData name="Gjestebruker" userId="" providerId="Windows Live" clId="Web-{0D593F4C-4E38-4B02-B468-79A2CBDF034B}" dt="2022-07-03T13:38:44.700" v="3608"/>
        <pc:sldMkLst>
          <pc:docMk/>
          <pc:sldMk cId="4249991700" sldId="289"/>
        </pc:sldMkLst>
        <pc:spChg chg="mod">
          <ac:chgData name="Gjestebruker" userId="" providerId="Windows Live" clId="Web-{0D593F4C-4E38-4B02-B468-79A2CBDF034B}" dt="2022-07-03T13:37:40.810" v="3526" actId="20577"/>
          <ac:spMkLst>
            <pc:docMk/>
            <pc:sldMk cId="4249991700" sldId="289"/>
            <ac:spMk id="2" creationId="{4B50BF3A-363C-A26E-C679-A49B5E3F55D8}"/>
          </ac:spMkLst>
        </pc:spChg>
        <pc:spChg chg="mod">
          <ac:chgData name="Gjestebruker" userId="" providerId="Windows Live" clId="Web-{0D593F4C-4E38-4B02-B468-79A2CBDF034B}" dt="2022-07-03T13:36:43.513" v="3482" actId="1076"/>
          <ac:spMkLst>
            <pc:docMk/>
            <pc:sldMk cId="4249991700" sldId="289"/>
            <ac:spMk id="3" creationId="{667EC776-0637-03DC-F136-BAAD30DCF0D2}"/>
          </ac:spMkLst>
        </pc:spChg>
      </pc:sldChg>
      <pc:sldChg chg="addSp add replId modNotes">
        <pc:chgData name="Gjestebruker" userId="" providerId="Windows Live" clId="Web-{0D593F4C-4E38-4B02-B468-79A2CBDF034B}" dt="2022-07-03T14:00:48.114" v="4774"/>
        <pc:sldMkLst>
          <pc:docMk/>
          <pc:sldMk cId="4188213318" sldId="290"/>
        </pc:sldMkLst>
        <pc:inkChg chg="add">
          <ac:chgData name="Gjestebruker" userId="" providerId="Windows Live" clId="Web-{0D593F4C-4E38-4B02-B468-79A2CBDF034B}" dt="2022-07-03T13:36:16.966" v="3454"/>
          <ac:inkMkLst>
            <pc:docMk/>
            <pc:sldMk cId="4188213318" sldId="290"/>
            <ac:inkMk id="6" creationId="{85C02E46-5B1C-651E-87B7-FAB30E6ED7E4}"/>
          </ac:inkMkLst>
        </pc:inkChg>
      </pc:sldChg>
      <pc:sldChg chg="addSp modSp new modNotes">
        <pc:chgData name="Gjestebruker" userId="" providerId="Windows Live" clId="Web-{0D593F4C-4E38-4B02-B468-79A2CBDF034B}" dt="2022-07-03T13:52:00.070" v="4552"/>
        <pc:sldMkLst>
          <pc:docMk/>
          <pc:sldMk cId="693367031" sldId="291"/>
        </pc:sldMkLst>
        <pc:spChg chg="mod">
          <ac:chgData name="Gjestebruker" userId="" providerId="Windows Live" clId="Web-{0D593F4C-4E38-4B02-B468-79A2CBDF034B}" dt="2022-07-03T13:46:56.353" v="4248" actId="20577"/>
          <ac:spMkLst>
            <pc:docMk/>
            <pc:sldMk cId="693367031" sldId="291"/>
            <ac:spMk id="2" creationId="{688EB7CC-EF1E-802D-5DDE-4708980FCEF8}"/>
          </ac:spMkLst>
        </pc:spChg>
        <pc:spChg chg="mod">
          <ac:chgData name="Gjestebruker" userId="" providerId="Windows Live" clId="Web-{0D593F4C-4E38-4B02-B468-79A2CBDF034B}" dt="2022-07-03T13:44:58.994" v="4184" actId="1076"/>
          <ac:spMkLst>
            <pc:docMk/>
            <pc:sldMk cId="693367031" sldId="291"/>
            <ac:spMk id="3" creationId="{8DF84246-9075-C661-871E-293C4BBF5E7F}"/>
          </ac:spMkLst>
        </pc:spChg>
        <pc:picChg chg="add mod">
          <ac:chgData name="Gjestebruker" userId="" providerId="Windows Live" clId="Web-{0D593F4C-4E38-4B02-B468-79A2CBDF034B}" dt="2022-07-03T13:45:00.807" v="4185" actId="1076"/>
          <ac:picMkLst>
            <pc:docMk/>
            <pc:sldMk cId="693367031" sldId="291"/>
            <ac:picMk id="5" creationId="{BD29020C-C295-6A3A-AA31-164FFFF2F2E0}"/>
          </ac:picMkLst>
        </pc:picChg>
      </pc:sldChg>
    </pc:docChg>
  </pc:docChgLst>
  <pc:docChgLst>
    <pc:chgData name="Vetle Nevland" userId="e8351a88428b982e" providerId="Windows Live" clId="Web-{36C4F1ED-9F2C-4977-ACBD-183036605371}"/>
    <pc:docChg chg="modSld">
      <pc:chgData name="Vetle Nevland" userId="e8351a88428b982e" providerId="Windows Live" clId="Web-{36C4F1ED-9F2C-4977-ACBD-183036605371}" dt="2022-07-02T12:27:02.501" v="604"/>
      <pc:docMkLst>
        <pc:docMk/>
      </pc:docMkLst>
      <pc:sldChg chg="modNotes">
        <pc:chgData name="Vetle Nevland" userId="e8351a88428b982e" providerId="Windows Live" clId="Web-{36C4F1ED-9F2C-4977-ACBD-183036605371}" dt="2022-07-02T12:27:02.501" v="604"/>
        <pc:sldMkLst>
          <pc:docMk/>
          <pc:sldMk cId="3254351504" sldId="273"/>
        </pc:sldMkLst>
      </pc:sldChg>
      <pc:sldChg chg="modNotes">
        <pc:chgData name="Vetle Nevland" userId="e8351a88428b982e" providerId="Windows Live" clId="Web-{36C4F1ED-9F2C-4977-ACBD-183036605371}" dt="2022-07-02T11:42:10.096" v="282"/>
        <pc:sldMkLst>
          <pc:docMk/>
          <pc:sldMk cId="1350729691" sldId="275"/>
        </pc:sldMkLst>
      </pc:sldChg>
      <pc:sldChg chg="modNotes">
        <pc:chgData name="Vetle Nevland" userId="e8351a88428b982e" providerId="Windows Live" clId="Web-{36C4F1ED-9F2C-4977-ACBD-183036605371}" dt="2022-07-02T11:56:06.103" v="427"/>
        <pc:sldMkLst>
          <pc:docMk/>
          <pc:sldMk cId="1517011920" sldId="276"/>
        </pc:sldMkLst>
      </pc:sldChg>
      <pc:sldChg chg="modSp modNotes">
        <pc:chgData name="Vetle Nevland" userId="e8351a88428b982e" providerId="Windows Live" clId="Web-{36C4F1ED-9F2C-4977-ACBD-183036605371}" dt="2022-07-02T12:05:11.102" v="518" actId="20577"/>
        <pc:sldMkLst>
          <pc:docMk/>
          <pc:sldMk cId="263792605" sldId="277"/>
        </pc:sldMkLst>
        <pc:spChg chg="mod">
          <ac:chgData name="Vetle Nevland" userId="e8351a88428b982e" providerId="Windows Live" clId="Web-{36C4F1ED-9F2C-4977-ACBD-183036605371}" dt="2022-07-02T12:05:11.102" v="518" actId="20577"/>
          <ac:spMkLst>
            <pc:docMk/>
            <pc:sldMk cId="263792605" sldId="277"/>
            <ac:spMk id="3" creationId="{B889D0FC-EB36-4A2D-9205-1A8EE0ACA054}"/>
          </ac:spMkLst>
        </pc:spChg>
      </pc:sldChg>
      <pc:sldChg chg="addSp modSp modNotes">
        <pc:chgData name="Vetle Nevland" userId="e8351a88428b982e" providerId="Windows Live" clId="Web-{36C4F1ED-9F2C-4977-ACBD-183036605371}" dt="2022-07-02T12:23:48.273" v="594"/>
        <pc:sldMkLst>
          <pc:docMk/>
          <pc:sldMk cId="1741139523" sldId="283"/>
        </pc:sldMkLst>
        <pc:spChg chg="mod">
          <ac:chgData name="Vetle Nevland" userId="e8351a88428b982e" providerId="Windows Live" clId="Web-{36C4F1ED-9F2C-4977-ACBD-183036605371}" dt="2022-07-02T12:05:29.790" v="520" actId="20577"/>
          <ac:spMkLst>
            <pc:docMk/>
            <pc:sldMk cId="1741139523" sldId="283"/>
            <ac:spMk id="6" creationId="{D5D44FEE-A72E-3F52-16EB-8127F1F69951}"/>
          </ac:spMkLst>
        </pc:spChg>
        <pc:picChg chg="add mod">
          <ac:chgData name="Vetle Nevland" userId="e8351a88428b982e" providerId="Windows Live" clId="Web-{36C4F1ED-9F2C-4977-ACBD-183036605371}" dt="2022-07-02T12:10:09.485" v="532" actId="1076"/>
          <ac:picMkLst>
            <pc:docMk/>
            <pc:sldMk cId="1741139523" sldId="283"/>
            <ac:picMk id="2" creationId="{90BC647D-F416-A136-8E69-7D1B3627543C}"/>
          </ac:picMkLst>
        </pc:picChg>
      </pc:sldChg>
    </pc:docChg>
  </pc:docChgLst>
  <pc:docChgLst>
    <pc:chgData name="Vincent Wego Fleischer" userId="bb3e03bd-b543-41a0-9c39-95e4679a8229" providerId="ADAL" clId="{6CB84A6A-1E61-4FD8-9D2B-0823F2957710}"/>
    <pc:docChg chg="custSel addSld modSld">
      <pc:chgData name="Vincent Wego Fleischer" userId="bb3e03bd-b543-41a0-9c39-95e4679a8229" providerId="ADAL" clId="{6CB84A6A-1E61-4FD8-9D2B-0823F2957710}" dt="2020-11-23T14:32:14.874" v="15" actId="20577"/>
      <pc:docMkLst>
        <pc:docMk/>
      </pc:docMkLst>
      <pc:sldChg chg="addSp delSp modSp new mod modClrScheme chgLayout">
        <pc:chgData name="Vincent Wego Fleischer" userId="bb3e03bd-b543-41a0-9c39-95e4679a8229" providerId="ADAL" clId="{6CB84A6A-1E61-4FD8-9D2B-0823F2957710}" dt="2020-11-23T14:32:14.874" v="15" actId="20577"/>
        <pc:sldMkLst>
          <pc:docMk/>
          <pc:sldMk cId="2881792189" sldId="262"/>
        </pc:sldMkLst>
        <pc:spChg chg="del mod ord">
          <ac:chgData name="Vincent Wego Fleischer" userId="bb3e03bd-b543-41a0-9c39-95e4679a8229" providerId="ADAL" clId="{6CB84A6A-1E61-4FD8-9D2B-0823F2957710}" dt="2020-11-23T14:32:11.504" v="1" actId="700"/>
          <ac:spMkLst>
            <pc:docMk/>
            <pc:sldMk cId="2881792189" sldId="262"/>
            <ac:spMk id="2" creationId="{4E5A3145-3D70-4BEA-B5F5-3555FF04871B}"/>
          </ac:spMkLst>
        </pc:spChg>
        <pc:spChg chg="del mod ord">
          <ac:chgData name="Vincent Wego Fleischer" userId="bb3e03bd-b543-41a0-9c39-95e4679a8229" providerId="ADAL" clId="{6CB84A6A-1E61-4FD8-9D2B-0823F2957710}" dt="2020-11-23T14:32:11.504" v="1" actId="700"/>
          <ac:spMkLst>
            <pc:docMk/>
            <pc:sldMk cId="2881792189" sldId="262"/>
            <ac:spMk id="3" creationId="{D98CF4FD-4D26-4C0D-A5E3-EF21AAE43C29}"/>
          </ac:spMkLst>
        </pc:spChg>
        <pc:spChg chg="del">
          <ac:chgData name="Vincent Wego Fleischer" userId="bb3e03bd-b543-41a0-9c39-95e4679a8229" providerId="ADAL" clId="{6CB84A6A-1E61-4FD8-9D2B-0823F2957710}" dt="2020-11-23T14:32:11.504" v="1" actId="700"/>
          <ac:spMkLst>
            <pc:docMk/>
            <pc:sldMk cId="2881792189" sldId="262"/>
            <ac:spMk id="4" creationId="{DD2E9087-F5A4-4030-89FA-C7FDEB842A77}"/>
          </ac:spMkLst>
        </pc:spChg>
        <pc:spChg chg="del">
          <ac:chgData name="Vincent Wego Fleischer" userId="bb3e03bd-b543-41a0-9c39-95e4679a8229" providerId="ADAL" clId="{6CB84A6A-1E61-4FD8-9D2B-0823F2957710}" dt="2020-11-23T14:32:11.504" v="1" actId="700"/>
          <ac:spMkLst>
            <pc:docMk/>
            <pc:sldMk cId="2881792189" sldId="262"/>
            <ac:spMk id="5" creationId="{5658D39F-EF7C-4542-ACD0-7634347235C8}"/>
          </ac:spMkLst>
        </pc:spChg>
        <pc:spChg chg="del mod ord">
          <ac:chgData name="Vincent Wego Fleischer" userId="bb3e03bd-b543-41a0-9c39-95e4679a8229" providerId="ADAL" clId="{6CB84A6A-1E61-4FD8-9D2B-0823F2957710}" dt="2020-11-23T14:32:11.504" v="1" actId="700"/>
          <ac:spMkLst>
            <pc:docMk/>
            <pc:sldMk cId="2881792189" sldId="262"/>
            <ac:spMk id="6" creationId="{9B6D44A0-8FEE-4C13-BE2C-29FBDCD0A9C5}"/>
          </ac:spMkLst>
        </pc:spChg>
        <pc:spChg chg="mod ord">
          <ac:chgData name="Vincent Wego Fleischer" userId="bb3e03bd-b543-41a0-9c39-95e4679a8229" providerId="ADAL" clId="{6CB84A6A-1E61-4FD8-9D2B-0823F2957710}" dt="2020-11-23T14:32:11.504" v="1" actId="700"/>
          <ac:spMkLst>
            <pc:docMk/>
            <pc:sldMk cId="2881792189" sldId="262"/>
            <ac:spMk id="7" creationId="{F1FC572D-175B-427D-A23C-41E88E8D3DDC}"/>
          </ac:spMkLst>
        </pc:spChg>
        <pc:spChg chg="add mod ord">
          <ac:chgData name="Vincent Wego Fleischer" userId="bb3e03bd-b543-41a0-9c39-95e4679a8229" providerId="ADAL" clId="{6CB84A6A-1E61-4FD8-9D2B-0823F2957710}" dt="2020-11-23T14:32:11.504" v="1" actId="700"/>
          <ac:spMkLst>
            <pc:docMk/>
            <pc:sldMk cId="2881792189" sldId="262"/>
            <ac:spMk id="8" creationId="{C7C97A56-75F6-4046-9EFB-B25A73CC923B}"/>
          </ac:spMkLst>
        </pc:spChg>
        <pc:spChg chg="add mod ord">
          <ac:chgData name="Vincent Wego Fleischer" userId="bb3e03bd-b543-41a0-9c39-95e4679a8229" providerId="ADAL" clId="{6CB84A6A-1E61-4FD8-9D2B-0823F2957710}" dt="2020-11-23T14:32:11.504" v="1" actId="700"/>
          <ac:spMkLst>
            <pc:docMk/>
            <pc:sldMk cId="2881792189" sldId="262"/>
            <ac:spMk id="9" creationId="{D6C8C833-946C-45AC-BCC1-7957EE337BDD}"/>
          </ac:spMkLst>
        </pc:spChg>
        <pc:spChg chg="add mod ord">
          <ac:chgData name="Vincent Wego Fleischer" userId="bb3e03bd-b543-41a0-9c39-95e4679a8229" providerId="ADAL" clId="{6CB84A6A-1E61-4FD8-9D2B-0823F2957710}" dt="2020-11-23T14:32:14.874" v="15" actId="20577"/>
          <ac:spMkLst>
            <pc:docMk/>
            <pc:sldMk cId="2881792189" sldId="262"/>
            <ac:spMk id="10" creationId="{DC27585C-E532-4075-B7ED-16386B4966CE}"/>
          </ac:spMkLst>
        </pc:spChg>
      </pc:sldChg>
    </pc:docChg>
  </pc:docChgLst>
  <pc:docChgLst>
    <pc:chgData name="Jørgen Bye" userId="76df00ae-291b-4ca6-9bd7-e88d9169db91" providerId="ADAL" clId="{6534C3E0-CF40-49CD-9842-42D45437FD77}"/>
    <pc:docChg chg="undo custSel addSld delSld modSld modMainMaster">
      <pc:chgData name="Jørgen Bye" userId="76df00ae-291b-4ca6-9bd7-e88d9169db91" providerId="ADAL" clId="{6534C3E0-CF40-49CD-9842-42D45437FD77}" dt="2020-10-30T10:14:15.982" v="29" actId="1076"/>
      <pc:docMkLst>
        <pc:docMk/>
      </pc:docMkLst>
      <pc:sldChg chg="addSp delSp modSp new del modAnim">
        <pc:chgData name="Jørgen Bye" userId="76df00ae-291b-4ca6-9bd7-e88d9169db91" providerId="ADAL" clId="{6534C3E0-CF40-49CD-9842-42D45437FD77}" dt="2020-10-30T10:14:12.680" v="25" actId="680"/>
        <pc:sldMkLst>
          <pc:docMk/>
          <pc:sldMk cId="4221740877" sldId="259"/>
        </pc:sldMkLst>
        <pc:spChg chg="add del">
          <ac:chgData name="Jørgen Bye" userId="76df00ae-291b-4ca6-9bd7-e88d9169db91" providerId="ADAL" clId="{6534C3E0-CF40-49CD-9842-42D45437FD77}" dt="2020-10-30T10:12:31.143" v="24"/>
          <ac:spMkLst>
            <pc:docMk/>
            <pc:sldMk cId="4221740877" sldId="259"/>
            <ac:spMk id="8" creationId="{CDA3A3BA-A2E9-4703-9443-5476036EDA8C}"/>
          </ac:spMkLst>
        </pc:spChg>
        <pc:picChg chg="add mod">
          <ac:chgData name="Jørgen Bye" userId="76df00ae-291b-4ca6-9bd7-e88d9169db91" providerId="ADAL" clId="{6534C3E0-CF40-49CD-9842-42D45437FD77}" dt="2020-10-30T10:12:31.143" v="24"/>
          <ac:picMkLst>
            <pc:docMk/>
            <pc:sldMk cId="4221740877" sldId="259"/>
            <ac:picMk id="9" creationId="{9C225470-B999-4567-B255-69472277DF17}"/>
          </ac:picMkLst>
        </pc:picChg>
      </pc:sldChg>
      <pc:sldMasterChg chg="modSldLayout">
        <pc:chgData name="Jørgen Bye" userId="76df00ae-291b-4ca6-9bd7-e88d9169db91" providerId="ADAL" clId="{6534C3E0-CF40-49CD-9842-42D45437FD77}" dt="2020-10-30T10:14:15.982" v="29" actId="1076"/>
        <pc:sldMasterMkLst>
          <pc:docMk/>
          <pc:sldMasterMk cId="4013363400" sldId="2147483662"/>
        </pc:sldMasterMkLst>
        <pc:sldLayoutChg chg="addSp delSp modSp mod">
          <pc:chgData name="Jørgen Bye" userId="76df00ae-291b-4ca6-9bd7-e88d9169db91" providerId="ADAL" clId="{6534C3E0-CF40-49CD-9842-42D45437FD77}" dt="2020-10-30T10:14:15.982" v="29" actId="1076"/>
          <pc:sldLayoutMkLst>
            <pc:docMk/>
            <pc:sldMasterMk cId="4013363400" sldId="2147483662"/>
            <pc:sldLayoutMk cId="3319619699" sldId="2147483667"/>
          </pc:sldLayoutMkLst>
          <pc:spChg chg="add del">
            <ac:chgData name="Jørgen Bye" userId="76df00ae-291b-4ca6-9bd7-e88d9169db91" providerId="ADAL" clId="{6534C3E0-CF40-49CD-9842-42D45437FD77}" dt="2020-10-30T10:11:56.623" v="0" actId="11529"/>
            <ac:spMkLst>
              <pc:docMk/>
              <pc:sldMasterMk cId="4013363400" sldId="2147483662"/>
              <pc:sldLayoutMk cId="3319619699" sldId="2147483667"/>
              <ac:spMk id="4" creationId="{140AF949-C288-40DE-A53B-1D06C73EFEB5}"/>
            </ac:spMkLst>
          </pc:spChg>
          <pc:spChg chg="add del mod">
            <ac:chgData name="Jørgen Bye" userId="76df00ae-291b-4ca6-9bd7-e88d9169db91" providerId="ADAL" clId="{6534C3E0-CF40-49CD-9842-42D45437FD77}" dt="2020-10-30T10:12:02.780" v="17" actId="21"/>
            <ac:spMkLst>
              <pc:docMk/>
              <pc:sldMasterMk cId="4013363400" sldId="2147483662"/>
              <pc:sldLayoutMk cId="3319619699" sldId="2147483667"/>
              <ac:spMk id="5" creationId="{B6888D70-50A1-4F3F-80B3-380613A06BDF}"/>
            </ac:spMkLst>
          </pc:spChg>
          <pc:spChg chg="add del mod">
            <ac:chgData name="Jørgen Bye" userId="76df00ae-291b-4ca6-9bd7-e88d9169db91" providerId="ADAL" clId="{6534C3E0-CF40-49CD-9842-42D45437FD77}" dt="2020-10-30T10:14:15.512" v="28"/>
            <ac:spMkLst>
              <pc:docMk/>
              <pc:sldMasterMk cId="4013363400" sldId="2147483662"/>
              <pc:sldLayoutMk cId="3319619699" sldId="2147483667"/>
              <ac:spMk id="12" creationId="{9AB269D9-E185-4649-881F-ABF350B34EAC}"/>
            </ac:spMkLst>
          </pc:spChg>
          <pc:spChg chg="add del mod">
            <ac:chgData name="Jørgen Bye" userId="76df00ae-291b-4ca6-9bd7-e88d9169db91" providerId="ADAL" clId="{6534C3E0-CF40-49CD-9842-42D45437FD77}" dt="2020-10-30T10:14:15.982" v="29" actId="1076"/>
            <ac:spMkLst>
              <pc:docMk/>
              <pc:sldMasterMk cId="4013363400" sldId="2147483662"/>
              <pc:sldLayoutMk cId="3319619699" sldId="2147483667"/>
              <ac:spMk id="30" creationId="{4CC0A7DB-27EF-4BE8-93B0-2E99409AE43A}"/>
            </ac:spMkLst>
          </pc:spChg>
        </pc:sldLayoutChg>
      </pc:sldMasterChg>
    </pc:docChg>
  </pc:docChgLst>
  <pc:docChgLst>
    <pc:chgData name="Vetle Nevland" userId="e8351a88428b982e" providerId="Windows Live" clId="Web-{33494AED-B3B3-47E1-AF32-2F6839EF791F}"/>
    <pc:docChg chg="modSld">
      <pc:chgData name="Vetle Nevland" userId="e8351a88428b982e" providerId="Windows Live" clId="Web-{33494AED-B3B3-47E1-AF32-2F6839EF791F}" dt="2022-07-02T21:45:10.448" v="148"/>
      <pc:docMkLst>
        <pc:docMk/>
      </pc:docMkLst>
      <pc:sldChg chg="modNotes">
        <pc:chgData name="Vetle Nevland" userId="e8351a88428b982e" providerId="Windows Live" clId="Web-{33494AED-B3B3-47E1-AF32-2F6839EF791F}" dt="2022-07-02T21:36:43.146" v="121"/>
        <pc:sldMkLst>
          <pc:docMk/>
          <pc:sldMk cId="1350729691" sldId="275"/>
        </pc:sldMkLst>
      </pc:sldChg>
      <pc:sldChg chg="modNotes">
        <pc:chgData name="Vetle Nevland" userId="e8351a88428b982e" providerId="Windows Live" clId="Web-{33494AED-B3B3-47E1-AF32-2F6839EF791F}" dt="2022-07-02T21:45:10.448" v="148"/>
        <pc:sldMkLst>
          <pc:docMk/>
          <pc:sldMk cId="1741139523" sldId="283"/>
        </pc:sldMkLst>
      </pc:sldChg>
    </pc:docChg>
  </pc:docChgLst>
  <pc:docChgLst>
    <pc:chgData name="Jørgen Bye" userId="76df00ae-291b-4ca6-9bd7-e88d9169db91" providerId="ADAL" clId="{C198DFE1-CF00-4A37-A23D-F10BBBE24B76}"/>
    <pc:docChg chg="undo redo custSel modSld modMainMaster">
      <pc:chgData name="Jørgen Bye" userId="76df00ae-291b-4ca6-9bd7-e88d9169db91" providerId="ADAL" clId="{C198DFE1-CF00-4A37-A23D-F10BBBE24B76}" dt="2020-10-21T09:32:01.964" v="26" actId="6549"/>
      <pc:docMkLst>
        <pc:docMk/>
      </pc:docMkLst>
      <pc:sldChg chg="addSp delSp modSp mod chgLayout">
        <pc:chgData name="Jørgen Bye" userId="76df00ae-291b-4ca6-9bd7-e88d9169db91" providerId="ADAL" clId="{C198DFE1-CF00-4A37-A23D-F10BBBE24B76}" dt="2020-10-21T09:32:01.964" v="26" actId="6549"/>
        <pc:sldMkLst>
          <pc:docMk/>
          <pc:sldMk cId="1732357267" sldId="256"/>
        </pc:sldMkLst>
        <pc:spChg chg="add del mod">
          <ac:chgData name="Jørgen Bye" userId="76df00ae-291b-4ca6-9bd7-e88d9169db91" providerId="ADAL" clId="{C198DFE1-CF00-4A37-A23D-F10BBBE24B76}" dt="2020-10-21T09:31:55.280" v="21" actId="6264"/>
          <ac:spMkLst>
            <pc:docMk/>
            <pc:sldMk cId="1732357267" sldId="256"/>
            <ac:spMk id="2" creationId="{9D919A3C-F6A0-4F4E-9580-B949BEA06C25}"/>
          </ac:spMkLst>
        </pc:spChg>
        <pc:spChg chg="add del mod">
          <ac:chgData name="Jørgen Bye" userId="76df00ae-291b-4ca6-9bd7-e88d9169db91" providerId="ADAL" clId="{C198DFE1-CF00-4A37-A23D-F10BBBE24B76}" dt="2020-10-21T09:31:55.280" v="21" actId="6264"/>
          <ac:spMkLst>
            <pc:docMk/>
            <pc:sldMk cId="1732357267" sldId="256"/>
            <ac:spMk id="3" creationId="{2ED216D1-09BE-420E-92D6-CC983829300F}"/>
          </ac:spMkLst>
        </pc:spChg>
        <pc:spChg chg="add del mod">
          <ac:chgData name="Jørgen Bye" userId="76df00ae-291b-4ca6-9bd7-e88d9169db91" providerId="ADAL" clId="{C198DFE1-CF00-4A37-A23D-F10BBBE24B76}" dt="2020-10-21T09:31:55.280" v="21" actId="6264"/>
          <ac:spMkLst>
            <pc:docMk/>
            <pc:sldMk cId="1732357267" sldId="256"/>
            <ac:spMk id="4" creationId="{525D26FF-E66D-428D-8C49-8E3BAC0D4E74}"/>
          </ac:spMkLst>
        </pc:spChg>
        <pc:spChg chg="add del mod">
          <ac:chgData name="Jørgen Bye" userId="76df00ae-291b-4ca6-9bd7-e88d9169db91" providerId="ADAL" clId="{C198DFE1-CF00-4A37-A23D-F10BBBE24B76}" dt="2020-10-21T09:31:55.280" v="21" actId="6264"/>
          <ac:spMkLst>
            <pc:docMk/>
            <pc:sldMk cId="1732357267" sldId="256"/>
            <ac:spMk id="5" creationId="{F7126FFF-765C-4D5B-AA0A-DB999C32045A}"/>
          </ac:spMkLst>
        </pc:spChg>
        <pc:spChg chg="mod ord">
          <ac:chgData name="Jørgen Bye" userId="76df00ae-291b-4ca6-9bd7-e88d9169db91" providerId="ADAL" clId="{C198DFE1-CF00-4A37-A23D-F10BBBE24B76}" dt="2020-10-21T09:32:00.103" v="24" actId="6264"/>
          <ac:spMkLst>
            <pc:docMk/>
            <pc:sldMk cId="1732357267" sldId="256"/>
            <ac:spMk id="6" creationId="{800D3D5C-BD2E-4C48-BDEE-F61BABB0656A}"/>
          </ac:spMkLst>
        </pc:spChg>
        <pc:spChg chg="mod ord">
          <ac:chgData name="Jørgen Bye" userId="76df00ae-291b-4ca6-9bd7-e88d9169db91" providerId="ADAL" clId="{C198DFE1-CF00-4A37-A23D-F10BBBE24B76}" dt="2020-10-21T09:32:00.103" v="24" actId="6264"/>
          <ac:spMkLst>
            <pc:docMk/>
            <pc:sldMk cId="1732357267" sldId="256"/>
            <ac:spMk id="7" creationId="{57F875A6-E836-4929-AD14-8052B987A847}"/>
          </ac:spMkLst>
        </pc:spChg>
        <pc:spChg chg="add del mod ord">
          <ac:chgData name="Jørgen Bye" userId="76df00ae-291b-4ca6-9bd7-e88d9169db91" providerId="ADAL" clId="{C198DFE1-CF00-4A37-A23D-F10BBBE24B76}" dt="2020-10-21T09:31:55.280" v="21" actId="6264"/>
          <ac:spMkLst>
            <pc:docMk/>
            <pc:sldMk cId="1732357267" sldId="256"/>
            <ac:spMk id="8" creationId="{698119E0-DA17-4131-89F0-F79A96766B1D}"/>
          </ac:spMkLst>
        </pc:spChg>
        <pc:spChg chg="add del mod ord">
          <ac:chgData name="Jørgen Bye" userId="76df00ae-291b-4ca6-9bd7-e88d9169db91" providerId="ADAL" clId="{C198DFE1-CF00-4A37-A23D-F10BBBE24B76}" dt="2020-10-21T09:31:55.280" v="21" actId="6264"/>
          <ac:spMkLst>
            <pc:docMk/>
            <pc:sldMk cId="1732357267" sldId="256"/>
            <ac:spMk id="9" creationId="{1E8A67CD-BF6F-459E-9D84-5DE1B327E2AB}"/>
          </ac:spMkLst>
        </pc:spChg>
        <pc:spChg chg="add del mod ord">
          <ac:chgData name="Jørgen Bye" userId="76df00ae-291b-4ca6-9bd7-e88d9169db91" providerId="ADAL" clId="{C198DFE1-CF00-4A37-A23D-F10BBBE24B76}" dt="2020-10-21T09:31:55.280" v="21" actId="6264"/>
          <ac:spMkLst>
            <pc:docMk/>
            <pc:sldMk cId="1732357267" sldId="256"/>
            <ac:spMk id="10" creationId="{264AAF77-3326-4DCC-9E73-B0D737F4CA36}"/>
          </ac:spMkLst>
        </pc:spChg>
        <pc:spChg chg="mod ord">
          <ac:chgData name="Jørgen Bye" userId="76df00ae-291b-4ca6-9bd7-e88d9169db91" providerId="ADAL" clId="{C198DFE1-CF00-4A37-A23D-F10BBBE24B76}" dt="2020-10-21T09:32:01.133" v="25" actId="6549"/>
          <ac:spMkLst>
            <pc:docMk/>
            <pc:sldMk cId="1732357267" sldId="256"/>
            <ac:spMk id="11" creationId="{C6B0111E-5C73-4970-91AD-F0EB00D8E1D9}"/>
          </ac:spMkLst>
        </pc:spChg>
        <pc:spChg chg="mod ord">
          <ac:chgData name="Jørgen Bye" userId="76df00ae-291b-4ca6-9bd7-e88d9169db91" providerId="ADAL" clId="{C198DFE1-CF00-4A37-A23D-F10BBBE24B76}" dt="2020-10-21T09:32:01.964" v="26" actId="6549"/>
          <ac:spMkLst>
            <pc:docMk/>
            <pc:sldMk cId="1732357267" sldId="256"/>
            <ac:spMk id="12" creationId="{821DBA86-35BD-460A-B7A3-BAB23A4935C7}"/>
          </ac:spMkLst>
        </pc:spChg>
        <pc:spChg chg="add del">
          <ac:chgData name="Jørgen Bye" userId="76df00ae-291b-4ca6-9bd7-e88d9169db91" providerId="ADAL" clId="{C198DFE1-CF00-4A37-A23D-F10BBBE24B76}" dt="2020-10-21T09:32:00.103" v="24" actId="6264"/>
          <ac:spMkLst>
            <pc:docMk/>
            <pc:sldMk cId="1732357267" sldId="256"/>
            <ac:spMk id="13" creationId="{EE0396AD-76D2-4B12-84E4-CA0556401967}"/>
          </ac:spMkLst>
        </pc:spChg>
        <pc:spChg chg="add del">
          <ac:chgData name="Jørgen Bye" userId="76df00ae-291b-4ca6-9bd7-e88d9169db91" providerId="ADAL" clId="{C198DFE1-CF00-4A37-A23D-F10BBBE24B76}" dt="2020-10-21T09:32:00.103" v="24" actId="6264"/>
          <ac:spMkLst>
            <pc:docMk/>
            <pc:sldMk cId="1732357267" sldId="256"/>
            <ac:spMk id="14" creationId="{AD703675-BC34-4498-87DE-625041B21305}"/>
          </ac:spMkLst>
        </pc:spChg>
        <pc:spChg chg="add del">
          <ac:chgData name="Jørgen Bye" userId="76df00ae-291b-4ca6-9bd7-e88d9169db91" providerId="ADAL" clId="{C198DFE1-CF00-4A37-A23D-F10BBBE24B76}" dt="2020-10-21T09:32:00.103" v="24" actId="6264"/>
          <ac:spMkLst>
            <pc:docMk/>
            <pc:sldMk cId="1732357267" sldId="256"/>
            <ac:spMk id="15" creationId="{E8A29DF6-0F16-4D16-A0DD-F424A214AD0A}"/>
          </ac:spMkLst>
        </pc:spChg>
        <pc:spChg chg="add del mod">
          <ac:chgData name="Jørgen Bye" userId="76df00ae-291b-4ca6-9bd7-e88d9169db91" providerId="ADAL" clId="{C198DFE1-CF00-4A37-A23D-F10BBBE24B76}" dt="2020-10-21T09:32:00.103" v="24" actId="6264"/>
          <ac:spMkLst>
            <pc:docMk/>
            <pc:sldMk cId="1732357267" sldId="256"/>
            <ac:spMk id="18" creationId="{84408410-7480-4387-891F-BCCFFE73EEEA}"/>
          </ac:spMkLst>
        </pc:spChg>
        <pc:spChg chg="add del mod">
          <ac:chgData name="Jørgen Bye" userId="76df00ae-291b-4ca6-9bd7-e88d9169db91" providerId="ADAL" clId="{C198DFE1-CF00-4A37-A23D-F10BBBE24B76}" dt="2020-10-21T09:32:00.103" v="24" actId="6264"/>
          <ac:spMkLst>
            <pc:docMk/>
            <pc:sldMk cId="1732357267" sldId="256"/>
            <ac:spMk id="19" creationId="{E626C9FB-7359-490A-BE87-8FB22966754C}"/>
          </ac:spMkLst>
        </pc:spChg>
        <pc:spChg chg="add del mod">
          <ac:chgData name="Jørgen Bye" userId="76df00ae-291b-4ca6-9bd7-e88d9169db91" providerId="ADAL" clId="{C198DFE1-CF00-4A37-A23D-F10BBBE24B76}" dt="2020-10-21T09:32:00.103" v="24" actId="6264"/>
          <ac:spMkLst>
            <pc:docMk/>
            <pc:sldMk cId="1732357267" sldId="256"/>
            <ac:spMk id="20" creationId="{AA138022-6618-4D6E-BE30-5A7A33E35B07}"/>
          </ac:spMkLst>
        </pc:spChg>
        <pc:spChg chg="add del mod">
          <ac:chgData name="Jørgen Bye" userId="76df00ae-291b-4ca6-9bd7-e88d9169db91" providerId="ADAL" clId="{C198DFE1-CF00-4A37-A23D-F10BBBE24B76}" dt="2020-10-21T09:32:00.103" v="24" actId="6264"/>
          <ac:spMkLst>
            <pc:docMk/>
            <pc:sldMk cId="1732357267" sldId="256"/>
            <ac:spMk id="21" creationId="{B7488BF3-B6C1-47B7-AB22-8A86EDB4844D}"/>
          </ac:spMkLst>
        </pc:spChg>
        <pc:spChg chg="add mod ord">
          <ac:chgData name="Jørgen Bye" userId="76df00ae-291b-4ca6-9bd7-e88d9169db91" providerId="ADAL" clId="{C198DFE1-CF00-4A37-A23D-F10BBBE24B76}" dt="2020-10-21T09:32:00.103" v="24" actId="6264"/>
          <ac:spMkLst>
            <pc:docMk/>
            <pc:sldMk cId="1732357267" sldId="256"/>
            <ac:spMk id="22" creationId="{D9A866C6-CE2A-456B-A9C9-5CFEA4EEB8A1}"/>
          </ac:spMkLst>
        </pc:spChg>
        <pc:spChg chg="add mod ord">
          <ac:chgData name="Jørgen Bye" userId="76df00ae-291b-4ca6-9bd7-e88d9169db91" providerId="ADAL" clId="{C198DFE1-CF00-4A37-A23D-F10BBBE24B76}" dt="2020-10-21T09:32:00.103" v="24" actId="6264"/>
          <ac:spMkLst>
            <pc:docMk/>
            <pc:sldMk cId="1732357267" sldId="256"/>
            <ac:spMk id="23" creationId="{524E9B52-C797-4488-B0A7-0C0B79D1201C}"/>
          </ac:spMkLst>
        </pc:spChg>
        <pc:spChg chg="add mod ord">
          <ac:chgData name="Jørgen Bye" userId="76df00ae-291b-4ca6-9bd7-e88d9169db91" providerId="ADAL" clId="{C198DFE1-CF00-4A37-A23D-F10BBBE24B76}" dt="2020-10-21T09:32:00.103" v="24" actId="6264"/>
          <ac:spMkLst>
            <pc:docMk/>
            <pc:sldMk cId="1732357267" sldId="256"/>
            <ac:spMk id="24" creationId="{A9A6BE02-C7B1-4399-8E7C-77213047D903}"/>
          </ac:spMkLst>
        </pc:spChg>
        <pc:picChg chg="add del mod">
          <ac:chgData name="Jørgen Bye" userId="76df00ae-291b-4ca6-9bd7-e88d9169db91" providerId="ADAL" clId="{C198DFE1-CF00-4A37-A23D-F10BBBE24B76}" dt="2020-10-21T09:31:53.952" v="20" actId="931"/>
          <ac:picMkLst>
            <pc:docMk/>
            <pc:sldMk cId="1732357267" sldId="256"/>
            <ac:picMk id="17" creationId="{9FAC3D00-502C-4927-8BEE-752BEB519C83}"/>
          </ac:picMkLst>
        </pc:picChg>
      </pc:sldChg>
      <pc:sldMasterChg chg="modSldLayout">
        <pc:chgData name="Jørgen Bye" userId="76df00ae-291b-4ca6-9bd7-e88d9169db91" providerId="ADAL" clId="{C198DFE1-CF00-4A37-A23D-F10BBBE24B76}" dt="2020-10-21T09:31:57.338" v="23" actId="14100"/>
        <pc:sldMasterMkLst>
          <pc:docMk/>
          <pc:sldMasterMk cId="4013363400" sldId="2147483662"/>
        </pc:sldMasterMkLst>
        <pc:sldLayoutChg chg="addSp delSp modSp mod">
          <pc:chgData name="Jørgen Bye" userId="76df00ae-291b-4ca6-9bd7-e88d9169db91" providerId="ADAL" clId="{C198DFE1-CF00-4A37-A23D-F10BBBE24B76}" dt="2020-10-21T09:31:57.338" v="23" actId="14100"/>
          <pc:sldLayoutMkLst>
            <pc:docMk/>
            <pc:sldMasterMk cId="4013363400" sldId="2147483662"/>
            <pc:sldLayoutMk cId="1404883753" sldId="2147483663"/>
          </pc:sldLayoutMkLst>
          <pc:spChg chg="del">
            <ac:chgData name="Jørgen Bye" userId="76df00ae-291b-4ca6-9bd7-e88d9169db91" providerId="ADAL" clId="{C198DFE1-CF00-4A37-A23D-F10BBBE24B76}" dt="2020-10-21T09:31:22.377" v="13" actId="478"/>
            <ac:spMkLst>
              <pc:docMk/>
              <pc:sldMasterMk cId="4013363400" sldId="2147483662"/>
              <pc:sldLayoutMk cId="1404883753" sldId="2147483663"/>
              <ac:spMk id="3" creationId="{8637D6E0-F061-4BBC-8DBC-562373D266A8}"/>
            </ac:spMkLst>
          </pc:spChg>
          <pc:spChg chg="del">
            <ac:chgData name="Jørgen Bye" userId="76df00ae-291b-4ca6-9bd7-e88d9169db91" providerId="ADAL" clId="{C198DFE1-CF00-4A37-A23D-F10BBBE24B76}" dt="2020-10-21T09:31:22.377" v="13" actId="478"/>
            <ac:spMkLst>
              <pc:docMk/>
              <pc:sldMasterMk cId="4013363400" sldId="2147483662"/>
              <pc:sldLayoutMk cId="1404883753" sldId="2147483663"/>
              <ac:spMk id="11" creationId="{E9977C2C-E54D-42E2-8519-62F412D90FA8}"/>
            </ac:spMkLst>
          </pc:spChg>
          <pc:spChg chg="add mod">
            <ac:chgData name="Jørgen Bye" userId="76df00ae-291b-4ca6-9bd7-e88d9169db91" providerId="ADAL" clId="{C198DFE1-CF00-4A37-A23D-F10BBBE24B76}" dt="2020-10-21T09:31:57.338" v="23" actId="14100"/>
            <ac:spMkLst>
              <pc:docMk/>
              <pc:sldMasterMk cId="4013363400" sldId="2147483662"/>
              <pc:sldLayoutMk cId="1404883753" sldId="2147483663"/>
              <ac:spMk id="12" creationId="{C4136857-8A04-412B-B6B5-632FD407B032}"/>
            </ac:spMkLst>
          </pc:spChg>
          <pc:spChg chg="add mod">
            <ac:chgData name="Jørgen Bye" userId="76df00ae-291b-4ca6-9bd7-e88d9169db91" providerId="ADAL" clId="{C198DFE1-CF00-4A37-A23D-F10BBBE24B76}" dt="2020-10-21T09:31:57.338" v="23" actId="14100"/>
            <ac:spMkLst>
              <pc:docMk/>
              <pc:sldMasterMk cId="4013363400" sldId="2147483662"/>
              <pc:sldLayoutMk cId="1404883753" sldId="2147483663"/>
              <ac:spMk id="13" creationId="{8EDF94FC-487E-4582-A68F-1CE82F069903}"/>
            </ac:spMkLst>
          </pc:spChg>
        </pc:sldLayoutChg>
      </pc:sldMasterChg>
    </pc:docChg>
  </pc:docChgLst>
  <pc:docChgLst>
    <pc:chgData name="Eirik Lian" userId="fd61fa22-a593-499a-9d93-9ab7056758e5" providerId="ADAL" clId="{3BE9E344-67BE-E747-9A44-7B214D28411C}"/>
    <pc:docChg chg="custSel addSld delSld modSld sldOrd">
      <pc:chgData name="Eirik Lian" userId="fd61fa22-a593-499a-9d93-9ab7056758e5" providerId="ADAL" clId="{3BE9E344-67BE-E747-9A44-7B214D28411C}" dt="2020-11-25T12:50:05.638" v="12" actId="2696"/>
      <pc:docMkLst>
        <pc:docMk/>
      </pc:docMkLst>
      <pc:sldChg chg="del">
        <pc:chgData name="Eirik Lian" userId="fd61fa22-a593-499a-9d93-9ab7056758e5" providerId="ADAL" clId="{3BE9E344-67BE-E747-9A44-7B214D28411C}" dt="2020-11-25T12:48:20.341" v="8" actId="2696"/>
        <pc:sldMkLst>
          <pc:docMk/>
          <pc:sldMk cId="695107238" sldId="259"/>
        </pc:sldMkLst>
      </pc:sldChg>
      <pc:sldChg chg="ord">
        <pc:chgData name="Eirik Lian" userId="fd61fa22-a593-499a-9d93-9ab7056758e5" providerId="ADAL" clId="{3BE9E344-67BE-E747-9A44-7B214D28411C}" dt="2020-11-25T12:49:49.736" v="10" actId="20578"/>
        <pc:sldMkLst>
          <pc:docMk/>
          <pc:sldMk cId="3258238136" sldId="260"/>
        </pc:sldMkLst>
      </pc:sldChg>
      <pc:sldChg chg="del">
        <pc:chgData name="Eirik Lian" userId="fd61fa22-a593-499a-9d93-9ab7056758e5" providerId="ADAL" clId="{3BE9E344-67BE-E747-9A44-7B214D28411C}" dt="2020-11-24T14:26:04.107" v="2" actId="2696"/>
        <pc:sldMkLst>
          <pc:docMk/>
          <pc:sldMk cId="3503133749" sldId="261"/>
        </pc:sldMkLst>
      </pc:sldChg>
      <pc:sldChg chg="addSp delSp modSp mod modClrScheme chgLayout">
        <pc:chgData name="Eirik Lian" userId="fd61fa22-a593-499a-9d93-9ab7056758e5" providerId="ADAL" clId="{3BE9E344-67BE-E747-9A44-7B214D28411C}" dt="2020-11-25T12:50:00.180" v="11" actId="700"/>
        <pc:sldMkLst>
          <pc:docMk/>
          <pc:sldMk cId="2881792189" sldId="262"/>
        </pc:sldMkLst>
        <pc:spChg chg="add mod ord">
          <ac:chgData name="Eirik Lian" userId="fd61fa22-a593-499a-9d93-9ab7056758e5" providerId="ADAL" clId="{3BE9E344-67BE-E747-9A44-7B214D28411C}" dt="2020-11-25T12:50:00.180" v="11" actId="700"/>
          <ac:spMkLst>
            <pc:docMk/>
            <pc:sldMk cId="2881792189" sldId="262"/>
            <ac:spMk id="2" creationId="{78A3E8DC-48EC-3841-AD05-C63AA1B82A7C}"/>
          </ac:spMkLst>
        </pc:spChg>
        <pc:spChg chg="add mod ord">
          <ac:chgData name="Eirik Lian" userId="fd61fa22-a593-499a-9d93-9ab7056758e5" providerId="ADAL" clId="{3BE9E344-67BE-E747-9A44-7B214D28411C}" dt="2020-11-25T12:50:00.180" v="11" actId="700"/>
          <ac:spMkLst>
            <pc:docMk/>
            <pc:sldMk cId="2881792189" sldId="262"/>
            <ac:spMk id="3" creationId="{B24AA005-F2E9-F14C-A552-24E89F4FA700}"/>
          </ac:spMkLst>
        </pc:spChg>
        <pc:spChg chg="add mod ord">
          <ac:chgData name="Eirik Lian" userId="fd61fa22-a593-499a-9d93-9ab7056758e5" providerId="ADAL" clId="{3BE9E344-67BE-E747-9A44-7B214D28411C}" dt="2020-11-25T12:50:00.180" v="11" actId="700"/>
          <ac:spMkLst>
            <pc:docMk/>
            <pc:sldMk cId="2881792189" sldId="262"/>
            <ac:spMk id="4" creationId="{6432A8A3-E09E-B14A-9CF2-682F22561444}"/>
          </ac:spMkLst>
        </pc:spChg>
        <pc:spChg chg="add mod ord">
          <ac:chgData name="Eirik Lian" userId="fd61fa22-a593-499a-9d93-9ab7056758e5" providerId="ADAL" clId="{3BE9E344-67BE-E747-9A44-7B214D28411C}" dt="2020-11-25T12:50:00.180" v="11" actId="700"/>
          <ac:spMkLst>
            <pc:docMk/>
            <pc:sldMk cId="2881792189" sldId="262"/>
            <ac:spMk id="5" creationId="{E7F29804-D47B-9944-89C7-754FAD99E297}"/>
          </ac:spMkLst>
        </pc:spChg>
        <pc:spChg chg="mod ord">
          <ac:chgData name="Eirik Lian" userId="fd61fa22-a593-499a-9d93-9ab7056758e5" providerId="ADAL" clId="{3BE9E344-67BE-E747-9A44-7B214D28411C}" dt="2020-11-25T12:50:00.180" v="11" actId="700"/>
          <ac:spMkLst>
            <pc:docMk/>
            <pc:sldMk cId="2881792189" sldId="262"/>
            <ac:spMk id="7" creationId="{F1FC572D-175B-427D-A23C-41E88E8D3DDC}"/>
          </ac:spMkLst>
        </pc:spChg>
        <pc:spChg chg="del mod ord">
          <ac:chgData name="Eirik Lian" userId="fd61fa22-a593-499a-9d93-9ab7056758e5" providerId="ADAL" clId="{3BE9E344-67BE-E747-9A44-7B214D28411C}" dt="2020-11-25T12:50:00.180" v="11" actId="700"/>
          <ac:spMkLst>
            <pc:docMk/>
            <pc:sldMk cId="2881792189" sldId="262"/>
            <ac:spMk id="8" creationId="{C7C97A56-75F6-4046-9EFB-B25A73CC923B}"/>
          </ac:spMkLst>
        </pc:spChg>
        <pc:spChg chg="del mod ord">
          <ac:chgData name="Eirik Lian" userId="fd61fa22-a593-499a-9d93-9ab7056758e5" providerId="ADAL" clId="{3BE9E344-67BE-E747-9A44-7B214D28411C}" dt="2020-11-25T12:50:00.180" v="11" actId="700"/>
          <ac:spMkLst>
            <pc:docMk/>
            <pc:sldMk cId="2881792189" sldId="262"/>
            <ac:spMk id="9" creationId="{D6C8C833-946C-45AC-BCC1-7957EE337BDD}"/>
          </ac:spMkLst>
        </pc:spChg>
        <pc:spChg chg="del mod ord">
          <ac:chgData name="Eirik Lian" userId="fd61fa22-a593-499a-9d93-9ab7056758e5" providerId="ADAL" clId="{3BE9E344-67BE-E747-9A44-7B214D28411C}" dt="2020-11-25T12:50:00.180" v="11" actId="700"/>
          <ac:spMkLst>
            <pc:docMk/>
            <pc:sldMk cId="2881792189" sldId="262"/>
            <ac:spMk id="10" creationId="{DC27585C-E532-4075-B7ED-16386B4966CE}"/>
          </ac:spMkLst>
        </pc:spChg>
      </pc:sldChg>
      <pc:sldChg chg="new">
        <pc:chgData name="Eirik Lian" userId="fd61fa22-a593-499a-9d93-9ab7056758e5" providerId="ADAL" clId="{3BE9E344-67BE-E747-9A44-7B214D28411C}" dt="2020-11-24T14:26:00.163" v="1" actId="680"/>
        <pc:sldMkLst>
          <pc:docMk/>
          <pc:sldMk cId="2524255016" sldId="263"/>
        </pc:sldMkLst>
      </pc:sldChg>
      <pc:sldChg chg="new del">
        <pc:chgData name="Eirik Lian" userId="fd61fa22-a593-499a-9d93-9ab7056758e5" providerId="ADAL" clId="{3BE9E344-67BE-E747-9A44-7B214D28411C}" dt="2020-11-25T12:50:05.638" v="12" actId="2696"/>
        <pc:sldMkLst>
          <pc:docMk/>
          <pc:sldMk cId="1181338790" sldId="264"/>
        </pc:sldMkLst>
      </pc:sldChg>
      <pc:sldChg chg="addSp delSp modSp new del mod modClrScheme chgLayout">
        <pc:chgData name="Eirik Lian" userId="fd61fa22-a593-499a-9d93-9ab7056758e5" providerId="ADAL" clId="{3BE9E344-67BE-E747-9A44-7B214D28411C}" dt="2020-11-25T12:45:39.837" v="5" actId="2696"/>
        <pc:sldMkLst>
          <pc:docMk/>
          <pc:sldMk cId="3979387074" sldId="264"/>
        </pc:sldMkLst>
        <pc:spChg chg="del mod ord">
          <ac:chgData name="Eirik Lian" userId="fd61fa22-a593-499a-9d93-9ab7056758e5" providerId="ADAL" clId="{3BE9E344-67BE-E747-9A44-7B214D28411C}" dt="2020-11-25T12:45:30.593" v="4" actId="700"/>
          <ac:spMkLst>
            <pc:docMk/>
            <pc:sldMk cId="3979387074" sldId="264"/>
            <ac:spMk id="2" creationId="{C7B7BD91-4E68-9848-858C-15E2152809EC}"/>
          </ac:spMkLst>
        </pc:spChg>
        <pc:spChg chg="del mod ord">
          <ac:chgData name="Eirik Lian" userId="fd61fa22-a593-499a-9d93-9ab7056758e5" providerId="ADAL" clId="{3BE9E344-67BE-E747-9A44-7B214D28411C}" dt="2020-11-25T12:45:30.593" v="4" actId="700"/>
          <ac:spMkLst>
            <pc:docMk/>
            <pc:sldMk cId="3979387074" sldId="264"/>
            <ac:spMk id="3" creationId="{55CA68B9-FE1B-7B49-A9C5-99B9A976AA85}"/>
          </ac:spMkLst>
        </pc:spChg>
        <pc:spChg chg="del mod ord">
          <ac:chgData name="Eirik Lian" userId="fd61fa22-a593-499a-9d93-9ab7056758e5" providerId="ADAL" clId="{3BE9E344-67BE-E747-9A44-7B214D28411C}" dt="2020-11-25T12:45:30.593" v="4" actId="700"/>
          <ac:spMkLst>
            <pc:docMk/>
            <pc:sldMk cId="3979387074" sldId="264"/>
            <ac:spMk id="4" creationId="{0CDC28DC-AFFF-3F43-AC70-E58ADB4ED3D6}"/>
          </ac:spMkLst>
        </pc:spChg>
        <pc:spChg chg="add mod ord">
          <ac:chgData name="Eirik Lian" userId="fd61fa22-a593-499a-9d93-9ab7056758e5" providerId="ADAL" clId="{3BE9E344-67BE-E747-9A44-7B214D28411C}" dt="2020-11-25T12:45:30.593" v="4" actId="700"/>
          <ac:spMkLst>
            <pc:docMk/>
            <pc:sldMk cId="3979387074" sldId="264"/>
            <ac:spMk id="5" creationId="{3E112507-2EAB-8C48-85E7-4EEA5195C572}"/>
          </ac:spMkLst>
        </pc:spChg>
        <pc:spChg chg="add mod ord">
          <ac:chgData name="Eirik Lian" userId="fd61fa22-a593-499a-9d93-9ab7056758e5" providerId="ADAL" clId="{3BE9E344-67BE-E747-9A44-7B214D28411C}" dt="2020-11-25T12:45:30.593" v="4" actId="700"/>
          <ac:spMkLst>
            <pc:docMk/>
            <pc:sldMk cId="3979387074" sldId="264"/>
            <ac:spMk id="6" creationId="{31E7045C-E734-9B4F-BA98-CB4B8B16EC3B}"/>
          </ac:spMkLst>
        </pc:spChg>
        <pc:spChg chg="add mod ord">
          <ac:chgData name="Eirik Lian" userId="fd61fa22-a593-499a-9d93-9ab7056758e5" providerId="ADAL" clId="{3BE9E344-67BE-E747-9A44-7B214D28411C}" dt="2020-11-25T12:45:30.593" v="4" actId="700"/>
          <ac:spMkLst>
            <pc:docMk/>
            <pc:sldMk cId="3979387074" sldId="264"/>
            <ac:spMk id="7" creationId="{B50B2A2A-A8DB-8C4A-867A-CAEC98F66847}"/>
          </ac:spMkLst>
        </pc:spChg>
      </pc:sldChg>
      <pc:sldChg chg="new">
        <pc:chgData name="Eirik Lian" userId="fd61fa22-a593-499a-9d93-9ab7056758e5" providerId="ADAL" clId="{3BE9E344-67BE-E747-9A44-7B214D28411C}" dt="2020-11-25T12:49:44.559" v="9" actId="680"/>
        <pc:sldMkLst>
          <pc:docMk/>
          <pc:sldMk cId="3072614649" sldId="265"/>
        </pc:sldMkLst>
      </pc:sldChg>
    </pc:docChg>
  </pc:docChgLst>
  <pc:docChgLst>
    <pc:chgData name="Gjestebruker" providerId="Windows Live" clId="Web-{825F7633-CDDD-4401-8557-ADCD9D3071FE}"/>
    <pc:docChg chg="modSld">
      <pc:chgData name="Gjestebruker" userId="" providerId="Windows Live" clId="Web-{825F7633-CDDD-4401-8557-ADCD9D3071FE}" dt="2022-07-04T10:42:25.204" v="209"/>
      <pc:docMkLst>
        <pc:docMk/>
      </pc:docMkLst>
      <pc:sldChg chg="modNotes">
        <pc:chgData name="Gjestebruker" userId="" providerId="Windows Live" clId="Web-{825F7633-CDDD-4401-8557-ADCD9D3071FE}" dt="2022-07-04T10:42:25.204" v="209"/>
        <pc:sldMkLst>
          <pc:docMk/>
          <pc:sldMk cId="2480284760" sldId="288"/>
        </pc:sldMkLst>
      </pc:sldChg>
    </pc:docChg>
  </pc:docChgLst>
  <pc:docChgLst>
    <pc:chgData name="Vetle Nevland" userId="e8351a88428b982e" providerId="Windows Live" clId="Web-{D9631A29-B5C8-466D-AC98-83AB6A940472}"/>
    <pc:docChg chg="modSld">
      <pc:chgData name="Vetle Nevland" userId="e8351a88428b982e" providerId="Windows Live" clId="Web-{D9631A29-B5C8-466D-AC98-83AB6A940472}" dt="2022-07-04T07:24:24.418" v="116"/>
      <pc:docMkLst>
        <pc:docMk/>
      </pc:docMkLst>
      <pc:sldChg chg="addSp modSp">
        <pc:chgData name="Vetle Nevland" userId="e8351a88428b982e" providerId="Windows Live" clId="Web-{D9631A29-B5C8-466D-AC98-83AB6A940472}" dt="2022-07-04T06:52:44.175" v="8" actId="1076"/>
        <pc:sldMkLst>
          <pc:docMk/>
          <pc:sldMk cId="1350729691" sldId="275"/>
        </pc:sldMkLst>
        <pc:picChg chg="add mod">
          <ac:chgData name="Vetle Nevland" userId="e8351a88428b982e" providerId="Windows Live" clId="Web-{D9631A29-B5C8-466D-AC98-83AB6A940472}" dt="2022-07-04T06:52:44.175" v="8" actId="1076"/>
          <ac:picMkLst>
            <pc:docMk/>
            <pc:sldMk cId="1350729691" sldId="275"/>
            <ac:picMk id="5" creationId="{851E7446-7BC7-BEF0-66F9-EBE945D6DFBC}"/>
          </ac:picMkLst>
        </pc:picChg>
      </pc:sldChg>
      <pc:sldChg chg="delSp modSp modNotes">
        <pc:chgData name="Vetle Nevland" userId="e8351a88428b982e" providerId="Windows Live" clId="Web-{D9631A29-B5C8-466D-AC98-83AB6A940472}" dt="2022-07-04T07:24:24.418" v="116"/>
        <pc:sldMkLst>
          <pc:docMk/>
          <pc:sldMk cId="1517011920" sldId="276"/>
        </pc:sldMkLst>
        <pc:spChg chg="mod">
          <ac:chgData name="Vetle Nevland" userId="e8351a88428b982e" providerId="Windows Live" clId="Web-{D9631A29-B5C8-466D-AC98-83AB6A940472}" dt="2022-07-04T07:24:09.339" v="113" actId="20577"/>
          <ac:spMkLst>
            <pc:docMk/>
            <pc:sldMk cId="1517011920" sldId="276"/>
            <ac:spMk id="3" creationId="{FA9BEED1-AEBE-44D8-AAD0-24BFA9803846}"/>
          </ac:spMkLst>
        </pc:spChg>
        <pc:spChg chg="del">
          <ac:chgData name="Vetle Nevland" userId="e8351a88428b982e" providerId="Windows Live" clId="Web-{D9631A29-B5C8-466D-AC98-83AB6A940472}" dt="2022-07-04T07:24:24.418" v="116"/>
          <ac:spMkLst>
            <pc:docMk/>
            <pc:sldMk cId="1517011920" sldId="276"/>
            <ac:spMk id="4" creationId="{76C7EAD6-4802-4196-9293-210E9187E2EF}"/>
          </ac:spMkLst>
        </pc:spChg>
        <pc:spChg chg="mod">
          <ac:chgData name="Vetle Nevland" userId="e8351a88428b982e" providerId="Windows Live" clId="Web-{D9631A29-B5C8-466D-AC98-83AB6A940472}" dt="2022-07-04T07:24:18.840" v="114" actId="1076"/>
          <ac:spMkLst>
            <pc:docMk/>
            <pc:sldMk cId="1517011920" sldId="276"/>
            <ac:spMk id="14" creationId="{85E7D34A-31BA-4E95-A4AB-F8B906D52F15}"/>
          </ac:spMkLst>
        </pc:spChg>
        <pc:picChg chg="mod">
          <ac:chgData name="Vetle Nevland" userId="e8351a88428b982e" providerId="Windows Live" clId="Web-{D9631A29-B5C8-466D-AC98-83AB6A940472}" dt="2022-07-04T07:24:22.465" v="115" actId="1076"/>
          <ac:picMkLst>
            <pc:docMk/>
            <pc:sldMk cId="1517011920" sldId="276"/>
            <ac:picMk id="1030" creationId="{ED721723-24CC-4375-AD2E-B390C90E1E3D}"/>
          </ac:picMkLst>
        </pc:picChg>
      </pc:sldChg>
      <pc:sldChg chg="addSp delSp modSp">
        <pc:chgData name="Vetle Nevland" userId="e8351a88428b982e" providerId="Windows Live" clId="Web-{D9631A29-B5C8-466D-AC98-83AB6A940472}" dt="2022-07-04T07:21:51.366" v="83" actId="14100"/>
        <pc:sldMkLst>
          <pc:docMk/>
          <pc:sldMk cId="263792605" sldId="277"/>
        </pc:sldMkLst>
        <pc:spChg chg="del">
          <ac:chgData name="Vetle Nevland" userId="e8351a88428b982e" providerId="Windows Live" clId="Web-{D9631A29-B5C8-466D-AC98-83AB6A940472}" dt="2022-07-04T07:18:15.118" v="57"/>
          <ac:spMkLst>
            <pc:docMk/>
            <pc:sldMk cId="263792605" sldId="277"/>
            <ac:spMk id="4" creationId="{72AA789D-0661-4DDF-84D9-F0B658C9866C}"/>
          </ac:spMkLst>
        </pc:spChg>
        <pc:spChg chg="add mod">
          <ac:chgData name="Vetle Nevland" userId="e8351a88428b982e" providerId="Windows Live" clId="Web-{D9631A29-B5C8-466D-AC98-83AB6A940472}" dt="2022-07-04T07:21:51.366" v="83" actId="14100"/>
          <ac:spMkLst>
            <pc:docMk/>
            <pc:sldMk cId="263792605" sldId="277"/>
            <ac:spMk id="18" creationId="{D2379495-111B-2542-EF1C-9A34326C4530}"/>
          </ac:spMkLst>
        </pc:spChg>
        <pc:picChg chg="mod">
          <ac:chgData name="Vetle Nevland" userId="e8351a88428b982e" providerId="Windows Live" clId="Web-{D9631A29-B5C8-466D-AC98-83AB6A940472}" dt="2022-07-04T07:18:17.931" v="58" actId="1076"/>
          <ac:picMkLst>
            <pc:docMk/>
            <pc:sldMk cId="263792605" sldId="277"/>
            <ac:picMk id="5" creationId="{F42D4A27-FF71-B105-B3FE-8EF00000690F}"/>
          </ac:picMkLst>
        </pc:picChg>
        <pc:picChg chg="mod">
          <ac:chgData name="Vetle Nevland" userId="e8351a88428b982e" providerId="Windows Live" clId="Web-{D9631A29-B5C8-466D-AC98-83AB6A940472}" dt="2022-07-04T07:18:23.009" v="60" actId="1076"/>
          <ac:picMkLst>
            <pc:docMk/>
            <pc:sldMk cId="263792605" sldId="277"/>
            <ac:picMk id="6" creationId="{4A8E95F6-EE5F-9E00-3E54-23B1662C70CD}"/>
          </ac:picMkLst>
        </pc:picChg>
        <pc:picChg chg="mod">
          <ac:chgData name="Vetle Nevland" userId="e8351a88428b982e" providerId="Windows Live" clId="Web-{D9631A29-B5C8-466D-AC98-83AB6A940472}" dt="2022-07-04T07:18:20.072" v="59" actId="1076"/>
          <ac:picMkLst>
            <pc:docMk/>
            <pc:sldMk cId="263792605" sldId="277"/>
            <ac:picMk id="7" creationId="{DC9E47FB-8309-3305-6FD7-6DE424CCE720}"/>
          </ac:picMkLst>
        </pc:picChg>
        <pc:picChg chg="add mod">
          <ac:chgData name="Vetle Nevland" userId="e8351a88428b982e" providerId="Windows Live" clId="Web-{D9631A29-B5C8-466D-AC98-83AB6A940472}" dt="2022-07-04T07:15:56.487" v="38" actId="1076"/>
          <ac:picMkLst>
            <pc:docMk/>
            <pc:sldMk cId="263792605" sldId="277"/>
            <ac:picMk id="8" creationId="{80362002-E7E6-752A-B871-47567DA50063}"/>
          </ac:picMkLst>
        </pc:picChg>
        <pc:picChg chg="add mod">
          <ac:chgData name="Vetle Nevland" userId="e8351a88428b982e" providerId="Windows Live" clId="Web-{D9631A29-B5C8-466D-AC98-83AB6A940472}" dt="2022-07-04T07:14:12.968" v="24" actId="1076"/>
          <ac:picMkLst>
            <pc:docMk/>
            <pc:sldMk cId="263792605" sldId="277"/>
            <ac:picMk id="9" creationId="{F08ED6BB-9216-C3ED-4261-CFCA6C82CD09}"/>
          </ac:picMkLst>
        </pc:picChg>
        <pc:picChg chg="add mod">
          <ac:chgData name="Vetle Nevland" userId="e8351a88428b982e" providerId="Windows Live" clId="Web-{D9631A29-B5C8-466D-AC98-83AB6A940472}" dt="2022-07-04T07:15:41.174" v="37" actId="1076"/>
          <ac:picMkLst>
            <pc:docMk/>
            <pc:sldMk cId="263792605" sldId="277"/>
            <ac:picMk id="10" creationId="{046D2362-522F-3143-5E85-CF6EF52670F9}"/>
          </ac:picMkLst>
        </pc:picChg>
        <pc:picChg chg="add mod">
          <ac:chgData name="Vetle Nevland" userId="e8351a88428b982e" providerId="Windows Live" clId="Web-{D9631A29-B5C8-466D-AC98-83AB6A940472}" dt="2022-07-04T07:15:37.736" v="36" actId="1076"/>
          <ac:picMkLst>
            <pc:docMk/>
            <pc:sldMk cId="263792605" sldId="277"/>
            <ac:picMk id="11" creationId="{3B10B904-B844-FAA1-E653-8260759D390C}"/>
          </ac:picMkLst>
        </pc:picChg>
        <pc:cxnChg chg="add mod">
          <ac:chgData name="Vetle Nevland" userId="e8351a88428b982e" providerId="Windows Live" clId="Web-{D9631A29-B5C8-466D-AC98-83AB6A940472}" dt="2022-07-04T07:18:57.339" v="71" actId="14100"/>
          <ac:cxnSpMkLst>
            <pc:docMk/>
            <pc:sldMk cId="263792605" sldId="277"/>
            <ac:cxnSpMk id="12" creationId="{B2F33FE6-681C-CC8F-FB6E-07369E4E0B1C}"/>
          </ac:cxnSpMkLst>
        </pc:cxnChg>
        <pc:cxnChg chg="add mod">
          <ac:chgData name="Vetle Nevland" userId="e8351a88428b982e" providerId="Windows Live" clId="Web-{D9631A29-B5C8-466D-AC98-83AB6A940472}" dt="2022-07-04T07:17:49.305" v="50"/>
          <ac:cxnSpMkLst>
            <pc:docMk/>
            <pc:sldMk cId="263792605" sldId="277"/>
            <ac:cxnSpMk id="13" creationId="{444C6EDF-E0ED-D899-CDCB-80154DC5768E}"/>
          </ac:cxnSpMkLst>
        </pc:cxnChg>
        <pc:cxnChg chg="add mod">
          <ac:chgData name="Vetle Nevland" userId="e8351a88428b982e" providerId="Windows Live" clId="Web-{D9631A29-B5C8-466D-AC98-83AB6A940472}" dt="2022-07-04T07:18:01.618" v="54" actId="14100"/>
          <ac:cxnSpMkLst>
            <pc:docMk/>
            <pc:sldMk cId="263792605" sldId="277"/>
            <ac:cxnSpMk id="14" creationId="{9E62D0DD-D46A-F9F3-E2F3-FC06907F8913}"/>
          </ac:cxnSpMkLst>
        </pc:cxnChg>
        <pc:cxnChg chg="add mod">
          <ac:chgData name="Vetle Nevland" userId="e8351a88428b982e" providerId="Windows Live" clId="Web-{D9631A29-B5C8-466D-AC98-83AB6A940472}" dt="2022-07-04T07:18:11.806" v="56" actId="1076"/>
          <ac:cxnSpMkLst>
            <pc:docMk/>
            <pc:sldMk cId="263792605" sldId="277"/>
            <ac:cxnSpMk id="15" creationId="{D7FB485F-8B4B-2FC4-F3CD-AEADBD6C350C}"/>
          </ac:cxnSpMkLst>
        </pc:cxnChg>
        <pc:cxnChg chg="add mod">
          <ac:chgData name="Vetle Nevland" userId="e8351a88428b982e" providerId="Windows Live" clId="Web-{D9631A29-B5C8-466D-AC98-83AB6A940472}" dt="2022-07-04T07:18:36.494" v="64" actId="1076"/>
          <ac:cxnSpMkLst>
            <pc:docMk/>
            <pc:sldMk cId="263792605" sldId="277"/>
            <ac:cxnSpMk id="16" creationId="{E5345AD3-39EC-3BD1-51B0-06A4DEBD0B4B}"/>
          </ac:cxnSpMkLst>
        </pc:cxnChg>
        <pc:cxnChg chg="add mod">
          <ac:chgData name="Vetle Nevland" userId="e8351a88428b982e" providerId="Windows Live" clId="Web-{D9631A29-B5C8-466D-AC98-83AB6A940472}" dt="2022-07-04T07:18:49.120" v="70" actId="14100"/>
          <ac:cxnSpMkLst>
            <pc:docMk/>
            <pc:sldMk cId="263792605" sldId="277"/>
            <ac:cxnSpMk id="17" creationId="{2BE52B9B-331D-81B8-87B8-8DB1D434CE72}"/>
          </ac:cxnSpMkLst>
        </pc:cxnChg>
      </pc:sldChg>
      <pc:sldChg chg="addSp modSp">
        <pc:chgData name="Vetle Nevland" userId="e8351a88428b982e" providerId="Windows Live" clId="Web-{D9631A29-B5C8-466D-AC98-83AB6A940472}" dt="2022-07-04T06:55:08.695" v="14" actId="1076"/>
        <pc:sldMkLst>
          <pc:docMk/>
          <pc:sldMk cId="3877186036" sldId="292"/>
        </pc:sldMkLst>
        <pc:picChg chg="add">
          <ac:chgData name="Vetle Nevland" userId="e8351a88428b982e" providerId="Windows Live" clId="Web-{D9631A29-B5C8-466D-AC98-83AB6A940472}" dt="2022-07-04T06:52:53.753" v="9"/>
          <ac:picMkLst>
            <pc:docMk/>
            <pc:sldMk cId="3877186036" sldId="292"/>
            <ac:picMk id="6" creationId="{E359F2DC-A0A2-8834-7ED1-DD3B149E4EF6}"/>
          </ac:picMkLst>
        </pc:picChg>
        <pc:picChg chg="add mod">
          <ac:chgData name="Vetle Nevland" userId="e8351a88428b982e" providerId="Windows Live" clId="Web-{D9631A29-B5C8-466D-AC98-83AB6A940472}" dt="2022-07-04T06:55:08.695" v="14" actId="1076"/>
          <ac:picMkLst>
            <pc:docMk/>
            <pc:sldMk cId="3877186036" sldId="292"/>
            <ac:picMk id="7" creationId="{F0FC1722-2B6E-AD74-03BD-B68F8288B916}"/>
          </ac:picMkLst>
        </pc:picChg>
      </pc:sldChg>
      <pc:sldChg chg="addSp delSp modSp">
        <pc:chgData name="Vetle Nevland" userId="e8351a88428b982e" providerId="Windows Live" clId="Web-{D9631A29-B5C8-466D-AC98-83AB6A940472}" dt="2022-07-04T07:01:38.123" v="20" actId="14100"/>
        <pc:sldMkLst>
          <pc:docMk/>
          <pc:sldMk cId="3704355514" sldId="293"/>
        </pc:sldMkLst>
        <pc:picChg chg="add">
          <ac:chgData name="Vetle Nevland" userId="e8351a88428b982e" providerId="Windows Live" clId="Web-{D9631A29-B5C8-466D-AC98-83AB6A940472}" dt="2022-07-04T06:52:56.394" v="10"/>
          <ac:picMkLst>
            <pc:docMk/>
            <pc:sldMk cId="3704355514" sldId="293"/>
            <ac:picMk id="6" creationId="{D8617406-DE33-E4B3-206D-06031B07E1D5}"/>
          </ac:picMkLst>
        </pc:picChg>
        <pc:picChg chg="add del mod">
          <ac:chgData name="Vetle Nevland" userId="e8351a88428b982e" providerId="Windows Live" clId="Web-{D9631A29-B5C8-466D-AC98-83AB6A940472}" dt="2022-07-04T06:56:51.627" v="16"/>
          <ac:picMkLst>
            <pc:docMk/>
            <pc:sldMk cId="3704355514" sldId="293"/>
            <ac:picMk id="7" creationId="{5B9E4DFA-8691-2B2E-6A9C-2D03B21FBFAE}"/>
          </ac:picMkLst>
        </pc:picChg>
        <pc:picChg chg="add">
          <ac:chgData name="Vetle Nevland" userId="e8351a88428b982e" providerId="Windows Live" clId="Web-{D9631A29-B5C8-466D-AC98-83AB6A940472}" dt="2022-07-04T06:56:57.205" v="17"/>
          <ac:picMkLst>
            <pc:docMk/>
            <pc:sldMk cId="3704355514" sldId="293"/>
            <ac:picMk id="9" creationId="{CAEBA05D-EC28-7906-06AA-FB234998C590}"/>
          </ac:picMkLst>
        </pc:picChg>
        <pc:picChg chg="add mod">
          <ac:chgData name="Vetle Nevland" userId="e8351a88428b982e" providerId="Windows Live" clId="Web-{D9631A29-B5C8-466D-AC98-83AB6A940472}" dt="2022-07-04T07:01:38.123" v="20" actId="14100"/>
          <ac:picMkLst>
            <pc:docMk/>
            <pc:sldMk cId="3704355514" sldId="293"/>
            <ac:picMk id="10" creationId="{08358F6F-9AB0-23B4-660A-F6AF63D5EB84}"/>
          </ac:picMkLst>
        </pc:picChg>
      </pc:sldChg>
    </pc:docChg>
  </pc:docChgLst>
  <pc:docChgLst>
    <pc:chgData name="Gjestebruker" providerId="Windows Live" clId="Web-{78F89934-ED9A-48F6-9915-705B4C67B6E0}"/>
    <pc:docChg chg="addSld delSld modSld">
      <pc:chgData name="Gjestebruker" userId="" providerId="Windows Live" clId="Web-{78F89934-ED9A-48F6-9915-705B4C67B6E0}" dt="2022-07-04T19:56:37.989" v="1877"/>
      <pc:docMkLst>
        <pc:docMk/>
      </pc:docMkLst>
      <pc:sldChg chg="add del modNotes">
        <pc:chgData name="Gjestebruker" userId="" providerId="Windows Live" clId="Web-{78F89934-ED9A-48F6-9915-705B4C67B6E0}" dt="2022-07-04T19:20:37.622" v="65"/>
        <pc:sldMkLst>
          <pc:docMk/>
          <pc:sldMk cId="3254351504" sldId="273"/>
        </pc:sldMkLst>
      </pc:sldChg>
      <pc:sldChg chg="modNotes">
        <pc:chgData name="Gjestebruker" userId="" providerId="Windows Live" clId="Web-{78F89934-ED9A-48F6-9915-705B4C67B6E0}" dt="2022-07-04T19:40:02.017" v="994"/>
        <pc:sldMkLst>
          <pc:docMk/>
          <pc:sldMk cId="2553032616" sldId="274"/>
        </pc:sldMkLst>
      </pc:sldChg>
      <pc:sldChg chg="modNotes">
        <pc:chgData name="Gjestebruker" userId="" providerId="Windows Live" clId="Web-{78F89934-ED9A-48F6-9915-705B4C67B6E0}" dt="2022-07-04T19:48:28.550" v="1605"/>
        <pc:sldMkLst>
          <pc:docMk/>
          <pc:sldMk cId="2783117066" sldId="282"/>
        </pc:sldMkLst>
      </pc:sldChg>
      <pc:sldChg chg="modNotes">
        <pc:chgData name="Gjestebruker" userId="" providerId="Windows Live" clId="Web-{78F89934-ED9A-48F6-9915-705B4C67B6E0}" dt="2022-07-04T19:49:27.972" v="1608"/>
        <pc:sldMkLst>
          <pc:docMk/>
          <pc:sldMk cId="1209175498" sldId="284"/>
        </pc:sldMkLst>
      </pc:sldChg>
      <pc:sldChg chg="modNotes">
        <pc:chgData name="Gjestebruker" userId="" providerId="Windows Live" clId="Web-{78F89934-ED9A-48F6-9915-705B4C67B6E0}" dt="2022-07-04T19:49:52.206" v="1610"/>
        <pc:sldMkLst>
          <pc:docMk/>
          <pc:sldMk cId="217129757" sldId="285"/>
        </pc:sldMkLst>
      </pc:sldChg>
      <pc:sldChg chg="modNotes">
        <pc:chgData name="Gjestebruker" userId="" providerId="Windows Live" clId="Web-{78F89934-ED9A-48F6-9915-705B4C67B6E0}" dt="2022-07-04T19:50:46.113" v="1661"/>
        <pc:sldMkLst>
          <pc:docMk/>
          <pc:sldMk cId="32726552" sldId="286"/>
        </pc:sldMkLst>
      </pc:sldChg>
      <pc:sldChg chg="modNotes">
        <pc:chgData name="Gjestebruker" userId="" providerId="Windows Live" clId="Web-{78F89934-ED9A-48F6-9915-705B4C67B6E0}" dt="2022-07-04T19:56:37.989" v="1877"/>
        <pc:sldMkLst>
          <pc:docMk/>
          <pc:sldMk cId="2480284760" sldId="288"/>
        </pc:sldMkLst>
      </pc:sldChg>
    </pc:docChg>
  </pc:docChgLst>
  <pc:docChgLst>
    <pc:chgData name="Gjestebruker" providerId="Windows Live" clId="Web-{8D6F746D-9CC1-4E6B-93AB-648106B9AFA3}"/>
    <pc:docChg chg="modSld">
      <pc:chgData name="Gjestebruker" userId="" providerId="Windows Live" clId="Web-{8D6F746D-9CC1-4E6B-93AB-648106B9AFA3}" dt="2022-07-05T06:13:12.567" v="100"/>
      <pc:docMkLst>
        <pc:docMk/>
      </pc:docMkLst>
      <pc:sldChg chg="modNotes">
        <pc:chgData name="Gjestebruker" userId="" providerId="Windows Live" clId="Web-{8D6F746D-9CC1-4E6B-93AB-648106B9AFA3}" dt="2022-07-05T06:13:12.567" v="100"/>
        <pc:sldMkLst>
          <pc:docMk/>
          <pc:sldMk cId="3254351504" sldId="273"/>
        </pc:sldMkLst>
      </pc:sldChg>
      <pc:sldChg chg="modNotes">
        <pc:chgData name="Gjestebruker" userId="" providerId="Windows Live" clId="Web-{8D6F746D-9CC1-4E6B-93AB-648106B9AFA3}" dt="2022-07-05T06:08:04.709" v="88"/>
        <pc:sldMkLst>
          <pc:docMk/>
          <pc:sldMk cId="2480284760" sldId="288"/>
        </pc:sldMkLst>
      </pc:sldChg>
    </pc:docChg>
  </pc:docChgLst>
  <pc:docChgLst>
    <pc:chgData name="Jonas Bratseth" userId="7880613d-1198-4bca-afa6-2725a9958330" providerId="ADAL" clId="{FF08786F-35DD-4FA5-91F3-FF8315EFC03A}"/>
    <pc:docChg chg="undo redo custSel addSld delSld modSld modMainMaster">
      <pc:chgData name="Jonas Bratseth" userId="7880613d-1198-4bca-afa6-2725a9958330" providerId="ADAL" clId="{FF08786F-35DD-4FA5-91F3-FF8315EFC03A}" dt="2021-04-28T09:33:50.074" v="1356" actId="20577"/>
      <pc:docMkLst>
        <pc:docMk/>
      </pc:docMkLst>
      <pc:sldChg chg="addSp delSp modSp mod">
        <pc:chgData name="Jonas Bratseth" userId="7880613d-1198-4bca-afa6-2725a9958330" providerId="ADAL" clId="{FF08786F-35DD-4FA5-91F3-FF8315EFC03A}" dt="2021-04-28T09:33:50.074" v="1356" actId="20577"/>
        <pc:sldMkLst>
          <pc:docMk/>
          <pc:sldMk cId="1108042337" sldId="268"/>
        </pc:sldMkLst>
        <pc:spChg chg="add del mod">
          <ac:chgData name="Jonas Bratseth" userId="7880613d-1198-4bca-afa6-2725a9958330" providerId="ADAL" clId="{FF08786F-35DD-4FA5-91F3-FF8315EFC03A}" dt="2021-04-23T11:38:45.826" v="1040" actId="21"/>
          <ac:spMkLst>
            <pc:docMk/>
            <pc:sldMk cId="1108042337" sldId="268"/>
            <ac:spMk id="2" creationId="{B213EF8E-A190-4CAB-B88A-AE902DA10B90}"/>
          </ac:spMkLst>
        </pc:spChg>
        <pc:spChg chg="mod">
          <ac:chgData name="Jonas Bratseth" userId="7880613d-1198-4bca-afa6-2725a9958330" providerId="ADAL" clId="{FF08786F-35DD-4FA5-91F3-FF8315EFC03A}" dt="2021-04-28T09:33:50.074" v="1356" actId="20577"/>
          <ac:spMkLst>
            <pc:docMk/>
            <pc:sldMk cId="1108042337" sldId="268"/>
            <ac:spMk id="4" creationId="{470128B0-EF66-664B-806D-99F82F2F4B85}"/>
          </ac:spMkLst>
        </pc:spChg>
      </pc:sldChg>
      <pc:sldChg chg="addSp delSp modSp mod chgLayout">
        <pc:chgData name="Jonas Bratseth" userId="7880613d-1198-4bca-afa6-2725a9958330" providerId="ADAL" clId="{FF08786F-35DD-4FA5-91F3-FF8315EFC03A}" dt="2021-04-26T09:02:57.071" v="1342" actId="20577"/>
        <pc:sldMkLst>
          <pc:docMk/>
          <pc:sldMk cId="3619548704" sldId="272"/>
        </pc:sldMkLst>
        <pc:spChg chg="add del mod">
          <ac:chgData name="Jonas Bratseth" userId="7880613d-1198-4bca-afa6-2725a9958330" providerId="ADAL" clId="{FF08786F-35DD-4FA5-91F3-FF8315EFC03A}" dt="2021-04-20T07:40:59.124" v="998" actId="478"/>
          <ac:spMkLst>
            <pc:docMk/>
            <pc:sldMk cId="3619548704" sldId="272"/>
            <ac:spMk id="2" creationId="{3711FB6D-FC2F-4E56-8D15-7473E266534E}"/>
          </ac:spMkLst>
        </pc:spChg>
        <pc:spChg chg="del">
          <ac:chgData name="Jonas Bratseth" userId="7880613d-1198-4bca-afa6-2725a9958330" providerId="ADAL" clId="{FF08786F-35DD-4FA5-91F3-FF8315EFC03A}" dt="2021-04-12T11:09:56.411" v="468" actId="6264"/>
          <ac:spMkLst>
            <pc:docMk/>
            <pc:sldMk cId="3619548704" sldId="272"/>
            <ac:spMk id="2" creationId="{907E8398-1A50-0A4D-9E9D-1F96F7728790}"/>
          </ac:spMkLst>
        </pc:spChg>
        <pc:spChg chg="del">
          <ac:chgData name="Jonas Bratseth" userId="7880613d-1198-4bca-afa6-2725a9958330" providerId="ADAL" clId="{FF08786F-35DD-4FA5-91F3-FF8315EFC03A}" dt="2021-04-12T11:09:56.411" v="468" actId="6264"/>
          <ac:spMkLst>
            <pc:docMk/>
            <pc:sldMk cId="3619548704" sldId="272"/>
            <ac:spMk id="3" creationId="{24C92E82-6503-4742-87BF-EA01E35341FC}"/>
          </ac:spMkLst>
        </pc:spChg>
        <pc:spChg chg="add del mod">
          <ac:chgData name="Jonas Bratseth" userId="7880613d-1198-4bca-afa6-2725a9958330" providerId="ADAL" clId="{FF08786F-35DD-4FA5-91F3-FF8315EFC03A}" dt="2021-04-20T07:47:28.839" v="1015" actId="478"/>
          <ac:spMkLst>
            <pc:docMk/>
            <pc:sldMk cId="3619548704" sldId="272"/>
            <ac:spMk id="3" creationId="{8E12E99B-E5BA-4B11-AEE6-E344D7D323F1}"/>
          </ac:spMkLst>
        </pc:spChg>
        <pc:spChg chg="add del mod">
          <ac:chgData name="Jonas Bratseth" userId="7880613d-1198-4bca-afa6-2725a9958330" providerId="ADAL" clId="{FF08786F-35DD-4FA5-91F3-FF8315EFC03A}" dt="2021-04-20T07:47:33.344" v="1023" actId="478"/>
          <ac:spMkLst>
            <pc:docMk/>
            <pc:sldMk cId="3619548704" sldId="272"/>
            <ac:spMk id="4" creationId="{AF0F4A00-703E-485D-A3F2-A5CE0302EAD7}"/>
          </ac:spMkLst>
        </pc:spChg>
        <pc:spChg chg="del">
          <ac:chgData name="Jonas Bratseth" userId="7880613d-1198-4bca-afa6-2725a9958330" providerId="ADAL" clId="{FF08786F-35DD-4FA5-91F3-FF8315EFC03A}" dt="2021-04-12T11:09:56.411" v="468" actId="6264"/>
          <ac:spMkLst>
            <pc:docMk/>
            <pc:sldMk cId="3619548704" sldId="272"/>
            <ac:spMk id="4" creationId="{B1FD42D6-262A-B347-89E8-D68D9A490C74}"/>
          </ac:spMkLst>
        </pc:spChg>
        <pc:spChg chg="mod ord">
          <ac:chgData name="Jonas Bratseth" userId="7880613d-1198-4bca-afa6-2725a9958330" providerId="ADAL" clId="{FF08786F-35DD-4FA5-91F3-FF8315EFC03A}" dt="2021-04-12T11:12:03.368" v="508" actId="6264"/>
          <ac:spMkLst>
            <pc:docMk/>
            <pc:sldMk cId="3619548704" sldId="272"/>
            <ac:spMk id="5" creationId="{33084687-7221-0946-B72A-2F8C5E8AA6EB}"/>
          </ac:spMkLst>
        </pc:spChg>
        <pc:spChg chg="add del mod">
          <ac:chgData name="Jonas Bratseth" userId="7880613d-1198-4bca-afa6-2725a9958330" providerId="ADAL" clId="{FF08786F-35DD-4FA5-91F3-FF8315EFC03A}" dt="2021-04-12T11:09:56.411" v="468" actId="6264"/>
          <ac:spMkLst>
            <pc:docMk/>
            <pc:sldMk cId="3619548704" sldId="272"/>
            <ac:spMk id="6" creationId="{54E54B49-C033-4901-87DD-E67E44BD9EC4}"/>
          </ac:spMkLst>
        </pc:spChg>
        <pc:spChg chg="add del mod ord">
          <ac:chgData name="Jonas Bratseth" userId="7880613d-1198-4bca-afa6-2725a9958330" providerId="ADAL" clId="{FF08786F-35DD-4FA5-91F3-FF8315EFC03A}" dt="2021-04-12T11:12:03.368" v="508" actId="6264"/>
          <ac:spMkLst>
            <pc:docMk/>
            <pc:sldMk cId="3619548704" sldId="272"/>
            <ac:spMk id="7" creationId="{EBB71CFA-999F-46E4-BF16-6B6BEA37F796}"/>
          </ac:spMkLst>
        </pc:spChg>
        <pc:spChg chg="add del mod ord">
          <ac:chgData name="Jonas Bratseth" userId="7880613d-1198-4bca-afa6-2725a9958330" providerId="ADAL" clId="{FF08786F-35DD-4FA5-91F3-FF8315EFC03A}" dt="2021-04-12T11:12:03.368" v="508" actId="6264"/>
          <ac:spMkLst>
            <pc:docMk/>
            <pc:sldMk cId="3619548704" sldId="272"/>
            <ac:spMk id="8" creationId="{5A848699-9682-4E64-8265-260C44247000}"/>
          </ac:spMkLst>
        </pc:spChg>
        <pc:spChg chg="add del mod ord">
          <ac:chgData name="Jonas Bratseth" userId="7880613d-1198-4bca-afa6-2725a9958330" providerId="ADAL" clId="{FF08786F-35DD-4FA5-91F3-FF8315EFC03A}" dt="2021-04-12T11:12:03.368" v="508" actId="6264"/>
          <ac:spMkLst>
            <pc:docMk/>
            <pc:sldMk cId="3619548704" sldId="272"/>
            <ac:spMk id="9" creationId="{FFFA9823-6C44-41B7-9863-A29E3DDEB736}"/>
          </ac:spMkLst>
        </pc:spChg>
        <pc:spChg chg="add del mod">
          <ac:chgData name="Jonas Bratseth" userId="7880613d-1198-4bca-afa6-2725a9958330" providerId="ADAL" clId="{FF08786F-35DD-4FA5-91F3-FF8315EFC03A}" dt="2021-04-12T11:12:03.368" v="508" actId="6264"/>
          <ac:spMkLst>
            <pc:docMk/>
            <pc:sldMk cId="3619548704" sldId="272"/>
            <ac:spMk id="10" creationId="{595E10EC-D1E5-4436-94DB-D398D8AC8D11}"/>
          </ac:spMkLst>
        </pc:spChg>
        <pc:spChg chg="add mod ord">
          <ac:chgData name="Jonas Bratseth" userId="7880613d-1198-4bca-afa6-2725a9958330" providerId="ADAL" clId="{FF08786F-35DD-4FA5-91F3-FF8315EFC03A}" dt="2021-04-26T09:02:57.071" v="1342" actId="20577"/>
          <ac:spMkLst>
            <pc:docMk/>
            <pc:sldMk cId="3619548704" sldId="272"/>
            <ac:spMk id="11" creationId="{611280A8-E9CE-4521-8D6E-9480DC2E262D}"/>
          </ac:spMkLst>
        </pc:spChg>
        <pc:spChg chg="add mod ord">
          <ac:chgData name="Jonas Bratseth" userId="7880613d-1198-4bca-afa6-2725a9958330" providerId="ADAL" clId="{FF08786F-35DD-4FA5-91F3-FF8315EFC03A}" dt="2021-04-12T11:12:03.368" v="508" actId="6264"/>
          <ac:spMkLst>
            <pc:docMk/>
            <pc:sldMk cId="3619548704" sldId="272"/>
            <ac:spMk id="12" creationId="{CE44D5F5-C1BE-4A4B-A515-0C8CA1068255}"/>
          </ac:spMkLst>
        </pc:spChg>
        <pc:spChg chg="add mod ord">
          <ac:chgData name="Jonas Bratseth" userId="7880613d-1198-4bca-afa6-2725a9958330" providerId="ADAL" clId="{FF08786F-35DD-4FA5-91F3-FF8315EFC03A}" dt="2021-04-12T11:12:03.368" v="508" actId="6264"/>
          <ac:spMkLst>
            <pc:docMk/>
            <pc:sldMk cId="3619548704" sldId="272"/>
            <ac:spMk id="13" creationId="{1B27CDE1-40F6-4609-A19B-FAB846361F24}"/>
          </ac:spMkLst>
        </pc:spChg>
        <pc:spChg chg="add mod ord">
          <ac:chgData name="Jonas Bratseth" userId="7880613d-1198-4bca-afa6-2725a9958330" providerId="ADAL" clId="{FF08786F-35DD-4FA5-91F3-FF8315EFC03A}" dt="2021-04-12T11:12:03.368" v="508" actId="6264"/>
          <ac:spMkLst>
            <pc:docMk/>
            <pc:sldMk cId="3619548704" sldId="272"/>
            <ac:spMk id="14" creationId="{F47A3C85-2E7B-4B39-A8B0-2A8DE7974320}"/>
          </ac:spMkLst>
        </pc:spChg>
      </pc:sldChg>
      <pc:sldChg chg="new del">
        <pc:chgData name="Jonas Bratseth" userId="7880613d-1198-4bca-afa6-2725a9958330" providerId="ADAL" clId="{FF08786F-35DD-4FA5-91F3-FF8315EFC03A}" dt="2021-04-14T07:34:58.878" v="978" actId="47"/>
        <pc:sldMkLst>
          <pc:docMk/>
          <pc:sldMk cId="57885152" sldId="273"/>
        </pc:sldMkLst>
      </pc:sldChg>
      <pc:sldChg chg="addSp delSp new del mod">
        <pc:chgData name="Jonas Bratseth" userId="7880613d-1198-4bca-afa6-2725a9958330" providerId="ADAL" clId="{FF08786F-35DD-4FA5-91F3-FF8315EFC03A}" dt="2021-04-23T11:38:31.727" v="1031" actId="47"/>
        <pc:sldMkLst>
          <pc:docMk/>
          <pc:sldMk cId="2397006337" sldId="273"/>
        </pc:sldMkLst>
        <pc:spChg chg="add del">
          <ac:chgData name="Jonas Bratseth" userId="7880613d-1198-4bca-afa6-2725a9958330" providerId="ADAL" clId="{FF08786F-35DD-4FA5-91F3-FF8315EFC03A}" dt="2021-04-23T11:38:29.731" v="1030" actId="478"/>
          <ac:spMkLst>
            <pc:docMk/>
            <pc:sldMk cId="2397006337" sldId="273"/>
            <ac:spMk id="8" creationId="{5B9B3DCF-0C29-42F7-BE79-6A10C9CE9D45}"/>
          </ac:spMkLst>
        </pc:spChg>
      </pc:sldChg>
      <pc:sldChg chg="addSp delSp modSp new del mod">
        <pc:chgData name="Jonas Bratseth" userId="7880613d-1198-4bca-afa6-2725a9958330" providerId="ADAL" clId="{FF08786F-35DD-4FA5-91F3-FF8315EFC03A}" dt="2021-04-14T06:57:05.317" v="877" actId="47"/>
        <pc:sldMkLst>
          <pc:docMk/>
          <pc:sldMk cId="3059241520" sldId="273"/>
        </pc:sldMkLst>
        <pc:spChg chg="del">
          <ac:chgData name="Jonas Bratseth" userId="7880613d-1198-4bca-afa6-2725a9958330" providerId="ADAL" clId="{FF08786F-35DD-4FA5-91F3-FF8315EFC03A}" dt="2021-04-14T06:56:43.399" v="871" actId="931"/>
          <ac:spMkLst>
            <pc:docMk/>
            <pc:sldMk cId="3059241520" sldId="273"/>
            <ac:spMk id="2" creationId="{E7951C8B-745C-4EDA-B8EC-E577D1F4DABD}"/>
          </ac:spMkLst>
        </pc:spChg>
        <pc:spChg chg="add mod">
          <ac:chgData name="Jonas Bratseth" userId="7880613d-1198-4bca-afa6-2725a9958330" providerId="ADAL" clId="{FF08786F-35DD-4FA5-91F3-FF8315EFC03A}" dt="2021-04-14T06:56:45.080" v="872" actId="478"/>
          <ac:spMkLst>
            <pc:docMk/>
            <pc:sldMk cId="3059241520" sldId="273"/>
            <ac:spMk id="11" creationId="{53219EB9-5652-4C7B-86AD-59AF6CD44B18}"/>
          </ac:spMkLst>
        </pc:spChg>
        <pc:picChg chg="add del mod">
          <ac:chgData name="Jonas Bratseth" userId="7880613d-1198-4bca-afa6-2725a9958330" providerId="ADAL" clId="{FF08786F-35DD-4FA5-91F3-FF8315EFC03A}" dt="2021-04-14T06:56:45.080" v="872" actId="478"/>
          <ac:picMkLst>
            <pc:docMk/>
            <pc:sldMk cId="3059241520" sldId="273"/>
            <ac:picMk id="9" creationId="{03AA5624-6E25-43AE-B659-82BED279049B}"/>
          </ac:picMkLst>
        </pc:picChg>
      </pc:sldChg>
      <pc:sldChg chg="addSp delSp modSp new del mod">
        <pc:chgData name="Jonas Bratseth" userId="7880613d-1198-4bca-afa6-2725a9958330" providerId="ADAL" clId="{FF08786F-35DD-4FA5-91F3-FF8315EFC03A}" dt="2021-04-12T11:09:52.811" v="467" actId="47"/>
        <pc:sldMkLst>
          <pc:docMk/>
          <pc:sldMk cId="3201843001" sldId="273"/>
        </pc:sldMkLst>
        <pc:spChg chg="del">
          <ac:chgData name="Jonas Bratseth" userId="7880613d-1198-4bca-afa6-2725a9958330" providerId="ADAL" clId="{FF08786F-35DD-4FA5-91F3-FF8315EFC03A}" dt="2021-04-12T08:29:24.813" v="106" actId="931"/>
          <ac:spMkLst>
            <pc:docMk/>
            <pc:sldMk cId="3201843001" sldId="273"/>
            <ac:spMk id="2" creationId="{182C1D1E-BFB9-4375-9B54-8F530B7F380F}"/>
          </ac:spMkLst>
        </pc:spChg>
        <pc:spChg chg="mod">
          <ac:chgData name="Jonas Bratseth" userId="7880613d-1198-4bca-afa6-2725a9958330" providerId="ADAL" clId="{FF08786F-35DD-4FA5-91F3-FF8315EFC03A}" dt="2021-04-12T08:31:50.347" v="358" actId="14100"/>
          <ac:spMkLst>
            <pc:docMk/>
            <pc:sldMk cId="3201843001" sldId="273"/>
            <ac:spMk id="4" creationId="{B43B7ACA-6C51-4B2B-8828-7E597EA7686C}"/>
          </ac:spMkLst>
        </pc:spChg>
        <pc:picChg chg="add mod">
          <ac:chgData name="Jonas Bratseth" userId="7880613d-1198-4bca-afa6-2725a9958330" providerId="ADAL" clId="{FF08786F-35DD-4FA5-91F3-FF8315EFC03A}" dt="2021-04-12T08:29:24.813" v="106" actId="931"/>
          <ac:picMkLst>
            <pc:docMk/>
            <pc:sldMk cId="3201843001" sldId="273"/>
            <ac:picMk id="7" creationId="{1D6215DD-482E-4590-9AE2-D312585E4140}"/>
          </ac:picMkLst>
        </pc:picChg>
      </pc:sldChg>
      <pc:sldChg chg="addSp delSp new del mod">
        <pc:chgData name="Jonas Bratseth" userId="7880613d-1198-4bca-afa6-2725a9958330" providerId="ADAL" clId="{FF08786F-35DD-4FA5-91F3-FF8315EFC03A}" dt="2021-04-23T11:39:11.799" v="1046" actId="47"/>
        <pc:sldMkLst>
          <pc:docMk/>
          <pc:sldMk cId="4271462974" sldId="273"/>
        </pc:sldMkLst>
        <pc:spChg chg="add del">
          <ac:chgData name="Jonas Bratseth" userId="7880613d-1198-4bca-afa6-2725a9958330" providerId="ADAL" clId="{FF08786F-35DD-4FA5-91F3-FF8315EFC03A}" dt="2021-04-23T11:39:09.959" v="1045" actId="478"/>
          <ac:spMkLst>
            <pc:docMk/>
            <pc:sldMk cId="4271462974" sldId="273"/>
            <ac:spMk id="8" creationId="{95743946-D702-4AFF-8EED-DE0AF925F304}"/>
          </ac:spMkLst>
        </pc:spChg>
      </pc:sldChg>
      <pc:sldChg chg="addSp delSp modSp new del mod">
        <pc:chgData name="Jonas Bratseth" userId="7880613d-1198-4bca-afa6-2725a9958330" providerId="ADAL" clId="{FF08786F-35DD-4FA5-91F3-FF8315EFC03A}" dt="2021-04-12T08:30:43.915" v="355" actId="47"/>
        <pc:sldMkLst>
          <pc:docMk/>
          <pc:sldMk cId="1814728101" sldId="274"/>
        </pc:sldMkLst>
        <pc:spChg chg="del">
          <ac:chgData name="Jonas Bratseth" userId="7880613d-1198-4bca-afa6-2725a9958330" providerId="ADAL" clId="{FF08786F-35DD-4FA5-91F3-FF8315EFC03A}" dt="2021-04-12T08:29:21.905" v="105" actId="931"/>
          <ac:spMkLst>
            <pc:docMk/>
            <pc:sldMk cId="1814728101" sldId="274"/>
            <ac:spMk id="2" creationId="{56021F93-0EF0-4AA8-98EB-7457F160AA97}"/>
          </ac:spMkLst>
        </pc:spChg>
        <pc:spChg chg="mod">
          <ac:chgData name="Jonas Bratseth" userId="7880613d-1198-4bca-afa6-2725a9958330" providerId="ADAL" clId="{FF08786F-35DD-4FA5-91F3-FF8315EFC03A}" dt="2021-04-12T08:29:17.992" v="104" actId="20577"/>
          <ac:spMkLst>
            <pc:docMk/>
            <pc:sldMk cId="1814728101" sldId="274"/>
            <ac:spMk id="3" creationId="{E07E4405-CDE0-486E-9FAD-C39EEDC930B2}"/>
          </ac:spMkLst>
        </pc:spChg>
        <pc:picChg chg="add mod">
          <ac:chgData name="Jonas Bratseth" userId="7880613d-1198-4bca-afa6-2725a9958330" providerId="ADAL" clId="{FF08786F-35DD-4FA5-91F3-FF8315EFC03A}" dt="2021-04-12T08:29:21.905" v="105" actId="931"/>
          <ac:picMkLst>
            <pc:docMk/>
            <pc:sldMk cId="1814728101" sldId="274"/>
            <ac:picMk id="7" creationId="{10F3F7B5-8465-4290-B5BF-2CCF7AC63D6C}"/>
          </ac:picMkLst>
        </pc:picChg>
      </pc:sldChg>
      <pc:sldChg chg="new del">
        <pc:chgData name="Jonas Bratseth" userId="7880613d-1198-4bca-afa6-2725a9958330" providerId="ADAL" clId="{FF08786F-35DD-4FA5-91F3-FF8315EFC03A}" dt="2021-04-14T06:57:01.722" v="876" actId="47"/>
        <pc:sldMkLst>
          <pc:docMk/>
          <pc:sldMk cId="2912106332" sldId="274"/>
        </pc:sldMkLst>
      </pc:sldChg>
      <pc:sldChg chg="addSp delSp modSp new del mod">
        <pc:chgData name="Jonas Bratseth" userId="7880613d-1198-4bca-afa6-2725a9958330" providerId="ADAL" clId="{FF08786F-35DD-4FA5-91F3-FF8315EFC03A}" dt="2021-04-12T08:30:43.105" v="354" actId="47"/>
        <pc:sldMkLst>
          <pc:docMk/>
          <pc:sldMk cId="423369814" sldId="275"/>
        </pc:sldMkLst>
        <pc:spChg chg="del">
          <ac:chgData name="Jonas Bratseth" userId="7880613d-1198-4bca-afa6-2725a9958330" providerId="ADAL" clId="{FF08786F-35DD-4FA5-91F3-FF8315EFC03A}" dt="2021-04-12T08:29:42.208" v="185" actId="931"/>
          <ac:spMkLst>
            <pc:docMk/>
            <pc:sldMk cId="423369814" sldId="275"/>
            <ac:spMk id="2" creationId="{1C001110-8AB8-457B-A434-3D09AC895E63}"/>
          </ac:spMkLst>
        </pc:spChg>
        <pc:spChg chg="mod">
          <ac:chgData name="Jonas Bratseth" userId="7880613d-1198-4bca-afa6-2725a9958330" providerId="ADAL" clId="{FF08786F-35DD-4FA5-91F3-FF8315EFC03A}" dt="2021-04-12T08:29:43.881" v="201" actId="20577"/>
          <ac:spMkLst>
            <pc:docMk/>
            <pc:sldMk cId="423369814" sldId="275"/>
            <ac:spMk id="6" creationId="{A1D1080F-AA4E-4721-AA18-7EAA4CE8F9CC}"/>
          </ac:spMkLst>
        </pc:spChg>
        <pc:picChg chg="add mod">
          <ac:chgData name="Jonas Bratseth" userId="7880613d-1198-4bca-afa6-2725a9958330" providerId="ADAL" clId="{FF08786F-35DD-4FA5-91F3-FF8315EFC03A}" dt="2021-04-12T08:29:42.208" v="185" actId="931"/>
          <ac:picMkLst>
            <pc:docMk/>
            <pc:sldMk cId="423369814" sldId="275"/>
            <ac:picMk id="9" creationId="{3ACBF510-ACD2-44D6-9989-76679F1F5073}"/>
          </ac:picMkLst>
        </pc:picChg>
      </pc:sldChg>
      <pc:sldChg chg="new del">
        <pc:chgData name="Jonas Bratseth" userId="7880613d-1198-4bca-afa6-2725a9958330" providerId="ADAL" clId="{FF08786F-35DD-4FA5-91F3-FF8315EFC03A}" dt="2021-04-14T06:57:01.019" v="875" actId="47"/>
        <pc:sldMkLst>
          <pc:docMk/>
          <pc:sldMk cId="3460984700" sldId="275"/>
        </pc:sldMkLst>
      </pc:sldChg>
      <pc:sldChg chg="addSp delSp modSp new del mod">
        <pc:chgData name="Jonas Bratseth" userId="7880613d-1198-4bca-afa6-2725a9958330" providerId="ADAL" clId="{FF08786F-35DD-4FA5-91F3-FF8315EFC03A}" dt="2021-04-12T08:30:42.260" v="353" actId="47"/>
        <pc:sldMkLst>
          <pc:docMk/>
          <pc:sldMk cId="74724968" sldId="276"/>
        </pc:sldMkLst>
        <pc:spChg chg="del">
          <ac:chgData name="Jonas Bratseth" userId="7880613d-1198-4bca-afa6-2725a9958330" providerId="ADAL" clId="{FF08786F-35DD-4FA5-91F3-FF8315EFC03A}" dt="2021-04-12T08:30:10.385" v="203" actId="931"/>
          <ac:spMkLst>
            <pc:docMk/>
            <pc:sldMk cId="74724968" sldId="276"/>
            <ac:spMk id="2" creationId="{EEF08B86-4DBB-40B0-884A-6863B07F1797}"/>
          </ac:spMkLst>
        </pc:spChg>
        <pc:spChg chg="mod">
          <ac:chgData name="Jonas Bratseth" userId="7880613d-1198-4bca-afa6-2725a9958330" providerId="ADAL" clId="{FF08786F-35DD-4FA5-91F3-FF8315EFC03A}" dt="2021-04-12T08:30:13.193" v="274" actId="20577"/>
          <ac:spMkLst>
            <pc:docMk/>
            <pc:sldMk cId="74724968" sldId="276"/>
            <ac:spMk id="3" creationId="{09FCC070-A53B-4B33-81A4-4DC8028F7F57}"/>
          </ac:spMkLst>
        </pc:spChg>
        <pc:picChg chg="add mod">
          <ac:chgData name="Jonas Bratseth" userId="7880613d-1198-4bca-afa6-2725a9958330" providerId="ADAL" clId="{FF08786F-35DD-4FA5-91F3-FF8315EFC03A}" dt="2021-04-12T08:30:10.385" v="203" actId="931"/>
          <ac:picMkLst>
            <pc:docMk/>
            <pc:sldMk cId="74724968" sldId="276"/>
            <ac:picMk id="7" creationId="{77305114-B622-42B3-B4F9-468FD3E4BBED}"/>
          </ac:picMkLst>
        </pc:picChg>
      </pc:sldChg>
      <pc:sldChg chg="addSp delSp modSp new del mod">
        <pc:chgData name="Jonas Bratseth" userId="7880613d-1198-4bca-afa6-2725a9958330" providerId="ADAL" clId="{FF08786F-35DD-4FA5-91F3-FF8315EFC03A}" dt="2021-04-12T08:30:42.248" v="352" actId="47"/>
        <pc:sldMkLst>
          <pc:docMk/>
          <pc:sldMk cId="1915441149" sldId="277"/>
        </pc:sldMkLst>
        <pc:spChg chg="del">
          <ac:chgData name="Jonas Bratseth" userId="7880613d-1198-4bca-afa6-2725a9958330" providerId="ADAL" clId="{FF08786F-35DD-4FA5-91F3-FF8315EFC03A}" dt="2021-04-12T08:30:33.270" v="276" actId="931"/>
          <ac:spMkLst>
            <pc:docMk/>
            <pc:sldMk cId="1915441149" sldId="277"/>
            <ac:spMk id="2" creationId="{EBE2C347-71D9-435A-B87D-0B5F1D404D70}"/>
          </ac:spMkLst>
        </pc:spChg>
        <pc:spChg chg="mod">
          <ac:chgData name="Jonas Bratseth" userId="7880613d-1198-4bca-afa6-2725a9958330" providerId="ADAL" clId="{FF08786F-35DD-4FA5-91F3-FF8315EFC03A}" dt="2021-04-12T08:30:37.804" v="351" actId="20577"/>
          <ac:spMkLst>
            <pc:docMk/>
            <pc:sldMk cId="1915441149" sldId="277"/>
            <ac:spMk id="3" creationId="{DB0D8D2F-EDB6-4E17-BA41-CF1D4932E17D}"/>
          </ac:spMkLst>
        </pc:spChg>
        <pc:picChg chg="add mod">
          <ac:chgData name="Jonas Bratseth" userId="7880613d-1198-4bca-afa6-2725a9958330" providerId="ADAL" clId="{FF08786F-35DD-4FA5-91F3-FF8315EFC03A}" dt="2021-04-12T08:30:35.770" v="312" actId="27614"/>
          <ac:picMkLst>
            <pc:docMk/>
            <pc:sldMk cId="1915441149" sldId="277"/>
            <ac:picMk id="7" creationId="{2944E3D2-B0C8-4B0A-95D8-190F526A6B0E}"/>
          </ac:picMkLst>
        </pc:picChg>
      </pc:sldChg>
      <pc:sldMasterChg chg="addSldLayout delSldLayout modSldLayout">
        <pc:chgData name="Jonas Bratseth" userId="7880613d-1198-4bca-afa6-2725a9958330" providerId="ADAL" clId="{FF08786F-35DD-4FA5-91F3-FF8315EFC03A}" dt="2021-04-28T09:14:32.665" v="1349" actId="2696"/>
        <pc:sldMasterMkLst>
          <pc:docMk/>
          <pc:sldMasterMk cId="750743933" sldId="2147483648"/>
        </pc:sldMasterMkLst>
        <pc:sldLayoutChg chg="addSp delSp modSp del mod">
          <pc:chgData name="Jonas Bratseth" userId="7880613d-1198-4bca-afa6-2725a9958330" providerId="ADAL" clId="{FF08786F-35DD-4FA5-91F3-FF8315EFC03A}" dt="2021-04-28T09:14:32.665" v="1349" actId="2696"/>
          <pc:sldLayoutMkLst>
            <pc:docMk/>
            <pc:sldMasterMk cId="750743933" sldId="2147483648"/>
            <pc:sldLayoutMk cId="2347992648" sldId="2147483649"/>
          </pc:sldLayoutMkLst>
          <pc:spChg chg="add del mod">
            <ac:chgData name="Jonas Bratseth" userId="7880613d-1198-4bca-afa6-2725a9958330" providerId="ADAL" clId="{FF08786F-35DD-4FA5-91F3-FF8315EFC03A}" dt="2021-04-12T11:25:21.274" v="637" actId="478"/>
            <ac:spMkLst>
              <pc:docMk/>
              <pc:sldMasterMk cId="750743933" sldId="2147483648"/>
              <pc:sldLayoutMk cId="2347992648" sldId="2147483649"/>
              <ac:spMk id="8" creationId="{17B9BB85-2CAC-4FFA-A479-348BEA5819D0}"/>
            </ac:spMkLst>
          </pc:spChg>
          <pc:spChg chg="add mod">
            <ac:chgData name="Jonas Bratseth" userId="7880613d-1198-4bca-afa6-2725a9958330" providerId="ADAL" clId="{FF08786F-35DD-4FA5-91F3-FF8315EFC03A}" dt="2021-04-12T11:25:21.983" v="638"/>
            <ac:spMkLst>
              <pc:docMk/>
              <pc:sldMasterMk cId="750743933" sldId="2147483648"/>
              <pc:sldLayoutMk cId="2347992648" sldId="2147483649"/>
              <ac:spMk id="9" creationId="{47C6278C-3D38-4D4F-9845-8E9C33C17261}"/>
            </ac:spMkLst>
          </pc:spChg>
        </pc:sldLayoutChg>
        <pc:sldLayoutChg chg="addSp delSp modSp mod">
          <pc:chgData name="Jonas Bratseth" userId="7880613d-1198-4bca-afa6-2725a9958330" providerId="ADAL" clId="{FF08786F-35DD-4FA5-91F3-FF8315EFC03A}" dt="2021-04-12T11:24:53.800" v="624"/>
          <pc:sldLayoutMkLst>
            <pc:docMk/>
            <pc:sldMasterMk cId="750743933" sldId="2147483648"/>
            <pc:sldLayoutMk cId="477069560" sldId="2147483650"/>
          </pc:sldLayoutMkLst>
          <pc:spChg chg="add del mod">
            <ac:chgData name="Jonas Bratseth" userId="7880613d-1198-4bca-afa6-2725a9958330" providerId="ADAL" clId="{FF08786F-35DD-4FA5-91F3-FF8315EFC03A}" dt="2021-04-12T11:22:38.147" v="572" actId="478"/>
            <ac:spMkLst>
              <pc:docMk/>
              <pc:sldMasterMk cId="750743933" sldId="2147483648"/>
              <pc:sldLayoutMk cId="477069560" sldId="2147483650"/>
              <ac:spMk id="5" creationId="{1E663887-BD14-433E-B456-E876B89A6BE0}"/>
            </ac:spMkLst>
          </pc:spChg>
          <pc:spChg chg="add del mod">
            <ac:chgData name="Jonas Bratseth" userId="7880613d-1198-4bca-afa6-2725a9958330" providerId="ADAL" clId="{FF08786F-35DD-4FA5-91F3-FF8315EFC03A}" dt="2021-04-12T11:23:59.928" v="601" actId="478"/>
            <ac:spMkLst>
              <pc:docMk/>
              <pc:sldMasterMk cId="750743933" sldId="2147483648"/>
              <pc:sldLayoutMk cId="477069560" sldId="2147483650"/>
              <ac:spMk id="8" creationId="{01D2B7C3-F948-43C9-8B51-609F46203552}"/>
            </ac:spMkLst>
          </pc:spChg>
          <pc:spChg chg="add del mod">
            <ac:chgData name="Jonas Bratseth" userId="7880613d-1198-4bca-afa6-2725a9958330" providerId="ADAL" clId="{FF08786F-35DD-4FA5-91F3-FF8315EFC03A}" dt="2021-04-12T11:24:52.839" v="623" actId="478"/>
            <ac:spMkLst>
              <pc:docMk/>
              <pc:sldMasterMk cId="750743933" sldId="2147483648"/>
              <pc:sldLayoutMk cId="477069560" sldId="2147483650"/>
              <ac:spMk id="10" creationId="{A651C03C-DF35-49D5-A730-FFE798680F75}"/>
            </ac:spMkLst>
          </pc:spChg>
          <pc:spChg chg="add mod">
            <ac:chgData name="Jonas Bratseth" userId="7880613d-1198-4bca-afa6-2725a9958330" providerId="ADAL" clId="{FF08786F-35DD-4FA5-91F3-FF8315EFC03A}" dt="2021-04-12T11:24:53.800" v="624"/>
            <ac:spMkLst>
              <pc:docMk/>
              <pc:sldMasterMk cId="750743933" sldId="2147483648"/>
              <pc:sldLayoutMk cId="477069560" sldId="2147483650"/>
              <ac:spMk id="11" creationId="{5C7DF1C5-A62B-48F2-8482-9AFA5987E96B}"/>
            </ac:spMkLst>
          </pc:spChg>
          <pc:cxnChg chg="add del">
            <ac:chgData name="Jonas Bratseth" userId="7880613d-1198-4bca-afa6-2725a9958330" providerId="ADAL" clId="{FF08786F-35DD-4FA5-91F3-FF8315EFC03A}" dt="2021-04-12T11:22:31.617" v="571" actId="478"/>
            <ac:cxnSpMkLst>
              <pc:docMk/>
              <pc:sldMasterMk cId="750743933" sldId="2147483648"/>
              <pc:sldLayoutMk cId="477069560" sldId="2147483650"/>
              <ac:cxnSpMk id="6" creationId="{E623624D-2D8F-49B4-B7FA-8E916F137A84}"/>
            </ac:cxnSpMkLst>
          </pc:cxnChg>
        </pc:sldLayoutChg>
        <pc:sldLayoutChg chg="addSp delSp modSp mod">
          <pc:chgData name="Jonas Bratseth" userId="7880613d-1198-4bca-afa6-2725a9958330" providerId="ADAL" clId="{FF08786F-35DD-4FA5-91F3-FF8315EFC03A}" dt="2021-04-12T11:25:16.627" v="636" actId="207"/>
          <pc:sldLayoutMkLst>
            <pc:docMk/>
            <pc:sldMasterMk cId="750743933" sldId="2147483648"/>
            <pc:sldLayoutMk cId="2339586804" sldId="2147483660"/>
          </pc:sldLayoutMkLst>
          <pc:spChg chg="add del">
            <ac:chgData name="Jonas Bratseth" userId="7880613d-1198-4bca-afa6-2725a9958330" providerId="ADAL" clId="{FF08786F-35DD-4FA5-91F3-FF8315EFC03A}" dt="2021-04-12T11:11:25.204" v="489" actId="478"/>
            <ac:spMkLst>
              <pc:docMk/>
              <pc:sldMasterMk cId="750743933" sldId="2147483648"/>
              <pc:sldLayoutMk cId="2339586804" sldId="2147483660"/>
              <ac:spMk id="2" creationId="{A1E49F8F-D418-4FBA-825E-A63F2DDD8F1E}"/>
            </ac:spMkLst>
          </pc:spChg>
          <pc:spChg chg="mod">
            <ac:chgData name="Jonas Bratseth" userId="7880613d-1198-4bca-afa6-2725a9958330" providerId="ADAL" clId="{FF08786F-35DD-4FA5-91F3-FF8315EFC03A}" dt="2021-04-12T11:25:13.947" v="635"/>
            <ac:spMkLst>
              <pc:docMk/>
              <pc:sldMasterMk cId="750743933" sldId="2147483648"/>
              <pc:sldLayoutMk cId="2339586804" sldId="2147483660"/>
              <ac:spMk id="5" creationId="{8EDAF1BB-D4DD-4390-8C59-BBD2D2C67E20}"/>
            </ac:spMkLst>
          </pc:spChg>
          <pc:spChg chg="ord">
            <ac:chgData name="Jonas Bratseth" userId="7880613d-1198-4bca-afa6-2725a9958330" providerId="ADAL" clId="{FF08786F-35DD-4FA5-91F3-FF8315EFC03A}" dt="2021-04-12T11:11:39.991" v="495" actId="167"/>
            <ac:spMkLst>
              <pc:docMk/>
              <pc:sldMasterMk cId="750743933" sldId="2147483648"/>
              <pc:sldLayoutMk cId="2339586804" sldId="2147483660"/>
              <ac:spMk id="7" creationId="{2CB31F07-7988-4E6E-9EB1-1E331F9F3747}"/>
            </ac:spMkLst>
          </pc:spChg>
          <pc:spChg chg="add del mod">
            <ac:chgData name="Jonas Bratseth" userId="7880613d-1198-4bca-afa6-2725a9958330" providerId="ADAL" clId="{FF08786F-35DD-4FA5-91F3-FF8315EFC03A}" dt="2021-04-12T11:25:10.538" v="632" actId="478"/>
            <ac:spMkLst>
              <pc:docMk/>
              <pc:sldMasterMk cId="750743933" sldId="2147483648"/>
              <pc:sldLayoutMk cId="2339586804" sldId="2147483660"/>
              <ac:spMk id="8" creationId="{C387DD82-EE8F-4085-9B5A-A75581B5EEE3}"/>
            </ac:spMkLst>
          </pc:spChg>
          <pc:spChg chg="add del mod">
            <ac:chgData name="Jonas Bratseth" userId="7880613d-1198-4bca-afa6-2725a9958330" providerId="ADAL" clId="{FF08786F-35DD-4FA5-91F3-FF8315EFC03A}" dt="2021-04-12T11:10:33.881" v="472"/>
            <ac:spMkLst>
              <pc:docMk/>
              <pc:sldMasterMk cId="750743933" sldId="2147483648"/>
              <pc:sldLayoutMk cId="2339586804" sldId="2147483660"/>
              <ac:spMk id="8" creationId="{D96BF09F-7216-427F-AA11-ED3F008A9F0B}"/>
            </ac:spMkLst>
          </pc:spChg>
          <pc:spChg chg="add del mod">
            <ac:chgData name="Jonas Bratseth" userId="7880613d-1198-4bca-afa6-2725a9958330" providerId="ADAL" clId="{FF08786F-35DD-4FA5-91F3-FF8315EFC03A}" dt="2021-04-12T11:10:33.881" v="472"/>
            <ac:spMkLst>
              <pc:docMk/>
              <pc:sldMasterMk cId="750743933" sldId="2147483648"/>
              <pc:sldLayoutMk cId="2339586804" sldId="2147483660"/>
              <ac:spMk id="9" creationId="{55DB3874-481A-49E1-8D9D-F323D4ABA9D3}"/>
            </ac:spMkLst>
          </pc:spChg>
          <pc:spChg chg="add mod">
            <ac:chgData name="Jonas Bratseth" userId="7880613d-1198-4bca-afa6-2725a9958330" providerId="ADAL" clId="{FF08786F-35DD-4FA5-91F3-FF8315EFC03A}" dt="2021-04-12T11:25:16.627" v="636" actId="207"/>
            <ac:spMkLst>
              <pc:docMk/>
              <pc:sldMasterMk cId="750743933" sldId="2147483648"/>
              <pc:sldLayoutMk cId="2339586804" sldId="2147483660"/>
              <ac:spMk id="9" creationId="{6BA452CE-6521-4710-BBBF-4AE21A3DDEF5}"/>
            </ac:spMkLst>
          </pc:spChg>
          <pc:spChg chg="add del mod">
            <ac:chgData name="Jonas Bratseth" userId="7880613d-1198-4bca-afa6-2725a9958330" providerId="ADAL" clId="{FF08786F-35DD-4FA5-91F3-FF8315EFC03A}" dt="2021-04-12T11:10:42.300" v="475"/>
            <ac:spMkLst>
              <pc:docMk/>
              <pc:sldMasterMk cId="750743933" sldId="2147483648"/>
              <pc:sldLayoutMk cId="2339586804" sldId="2147483660"/>
              <ac:spMk id="10" creationId="{D9BAEC1D-9966-459D-9AFD-C16A085132B3}"/>
            </ac:spMkLst>
          </pc:spChg>
          <pc:spChg chg="add del mod">
            <ac:chgData name="Jonas Bratseth" userId="7880613d-1198-4bca-afa6-2725a9958330" providerId="ADAL" clId="{FF08786F-35DD-4FA5-91F3-FF8315EFC03A}" dt="2021-04-12T11:10:42.300" v="475"/>
            <ac:spMkLst>
              <pc:docMk/>
              <pc:sldMasterMk cId="750743933" sldId="2147483648"/>
              <pc:sldLayoutMk cId="2339586804" sldId="2147483660"/>
              <ac:spMk id="11" creationId="{896487B1-CD7A-458C-8F2B-69DEE10991EC}"/>
            </ac:spMkLst>
          </pc:spChg>
          <pc:spChg chg="add del mod">
            <ac:chgData name="Jonas Bratseth" userId="7880613d-1198-4bca-afa6-2725a9958330" providerId="ADAL" clId="{FF08786F-35DD-4FA5-91F3-FF8315EFC03A}" dt="2021-04-12T11:11:00.663" v="481"/>
            <ac:spMkLst>
              <pc:docMk/>
              <pc:sldMasterMk cId="750743933" sldId="2147483648"/>
              <pc:sldLayoutMk cId="2339586804" sldId="2147483660"/>
              <ac:spMk id="13" creationId="{A232EF69-4481-459B-B50D-49F82BB6A626}"/>
            </ac:spMkLst>
          </pc:spChg>
          <pc:spChg chg="add del mod">
            <ac:chgData name="Jonas Bratseth" userId="7880613d-1198-4bca-afa6-2725a9958330" providerId="ADAL" clId="{FF08786F-35DD-4FA5-91F3-FF8315EFC03A}" dt="2021-04-12T11:11:00.663" v="481"/>
            <ac:spMkLst>
              <pc:docMk/>
              <pc:sldMasterMk cId="750743933" sldId="2147483648"/>
              <pc:sldLayoutMk cId="2339586804" sldId="2147483660"/>
              <ac:spMk id="14" creationId="{BD827467-CF1B-45AE-A27B-43E911E1C106}"/>
            </ac:spMkLst>
          </pc:spChg>
          <pc:spChg chg="add del mod">
            <ac:chgData name="Jonas Bratseth" userId="7880613d-1198-4bca-afa6-2725a9958330" providerId="ADAL" clId="{FF08786F-35DD-4FA5-91F3-FF8315EFC03A}" dt="2021-04-12T11:11:02.292" v="483"/>
            <ac:spMkLst>
              <pc:docMk/>
              <pc:sldMasterMk cId="750743933" sldId="2147483648"/>
              <pc:sldLayoutMk cId="2339586804" sldId="2147483660"/>
              <ac:spMk id="15" creationId="{E4468D1E-9D6E-49D1-B001-3800D0EE96E7}"/>
            </ac:spMkLst>
          </pc:spChg>
          <pc:spChg chg="add del mod">
            <ac:chgData name="Jonas Bratseth" userId="7880613d-1198-4bca-afa6-2725a9958330" providerId="ADAL" clId="{FF08786F-35DD-4FA5-91F3-FF8315EFC03A}" dt="2021-04-12T11:11:02.292" v="483"/>
            <ac:spMkLst>
              <pc:docMk/>
              <pc:sldMasterMk cId="750743933" sldId="2147483648"/>
              <pc:sldLayoutMk cId="2339586804" sldId="2147483660"/>
              <ac:spMk id="16" creationId="{646CAA1C-E9A3-4968-AB26-12A16C764CFB}"/>
            </ac:spMkLst>
          </pc:spChg>
          <pc:spChg chg="add mod ord">
            <ac:chgData name="Jonas Bratseth" userId="7880613d-1198-4bca-afa6-2725a9958330" providerId="ADAL" clId="{FF08786F-35DD-4FA5-91F3-FF8315EFC03A}" dt="2021-04-12T11:11:38.631" v="494" actId="167"/>
            <ac:spMkLst>
              <pc:docMk/>
              <pc:sldMasterMk cId="750743933" sldId="2147483648"/>
              <pc:sldLayoutMk cId="2339586804" sldId="2147483660"/>
              <ac:spMk id="21" creationId="{97978271-5187-4431-9708-C927DF0F7F6D}"/>
            </ac:spMkLst>
          </pc:spChg>
          <pc:spChg chg="add mod">
            <ac:chgData name="Jonas Bratseth" userId="7880613d-1198-4bca-afa6-2725a9958330" providerId="ADAL" clId="{FF08786F-35DD-4FA5-91F3-FF8315EFC03A}" dt="2021-04-12T11:11:54.934" v="507" actId="14100"/>
            <ac:spMkLst>
              <pc:docMk/>
              <pc:sldMasterMk cId="750743933" sldId="2147483648"/>
              <pc:sldLayoutMk cId="2339586804" sldId="2147483660"/>
              <ac:spMk id="22" creationId="{45768DF2-6EBF-48BC-A321-F4FD52853E7F}"/>
            </ac:spMkLst>
          </pc:spChg>
          <pc:cxnChg chg="add del mod">
            <ac:chgData name="Jonas Bratseth" userId="7880613d-1198-4bca-afa6-2725a9958330" providerId="ADAL" clId="{FF08786F-35DD-4FA5-91F3-FF8315EFC03A}" dt="2021-04-12T11:11:53.977" v="504" actId="478"/>
            <ac:cxnSpMkLst>
              <pc:docMk/>
              <pc:sldMasterMk cId="750743933" sldId="2147483648"/>
              <pc:sldLayoutMk cId="2339586804" sldId="2147483660"/>
              <ac:cxnSpMk id="6" creationId="{86D161EE-87AD-467A-A6BE-4705A678C619}"/>
            </ac:cxnSpMkLst>
          </pc:cxnChg>
          <pc:cxnChg chg="add del">
            <ac:chgData name="Jonas Bratseth" userId="7880613d-1198-4bca-afa6-2725a9958330" providerId="ADAL" clId="{FF08786F-35DD-4FA5-91F3-FF8315EFC03A}" dt="2021-04-12T11:11:54.521" v="506" actId="478"/>
            <ac:cxnSpMkLst>
              <pc:docMk/>
              <pc:sldMasterMk cId="750743933" sldId="2147483648"/>
              <pc:sldLayoutMk cId="2339586804" sldId="2147483660"/>
              <ac:cxnSpMk id="17" creationId="{36B18ABA-57FE-4861-B038-D65FD0137AFE}"/>
            </ac:cxnSpMkLst>
          </pc:cxnChg>
          <pc:cxnChg chg="add del mod">
            <ac:chgData name="Jonas Bratseth" userId="7880613d-1198-4bca-afa6-2725a9958330" providerId="ADAL" clId="{FF08786F-35DD-4FA5-91F3-FF8315EFC03A}" dt="2021-04-12T11:11:54.191" v="505" actId="478"/>
            <ac:cxnSpMkLst>
              <pc:docMk/>
              <pc:sldMasterMk cId="750743933" sldId="2147483648"/>
              <pc:sldLayoutMk cId="2339586804" sldId="2147483660"/>
              <ac:cxnSpMk id="19" creationId="{72469A28-F7D2-4F77-8085-5E627E3638A4}"/>
            </ac:cxnSpMkLst>
          </pc:cxnChg>
          <pc:cxnChg chg="add del mod">
            <ac:chgData name="Jonas Bratseth" userId="7880613d-1198-4bca-afa6-2725a9958330" providerId="ADAL" clId="{FF08786F-35DD-4FA5-91F3-FF8315EFC03A}" dt="2021-04-12T11:11:27.096" v="491"/>
            <ac:cxnSpMkLst>
              <pc:docMk/>
              <pc:sldMasterMk cId="750743933" sldId="2147483648"/>
              <pc:sldLayoutMk cId="2339586804" sldId="2147483660"/>
              <ac:cxnSpMk id="20" creationId="{46A8BBD7-46CF-4A95-83A6-DE11E3669385}"/>
            </ac:cxnSpMkLst>
          </pc:cxnChg>
        </pc:sldLayoutChg>
        <pc:sldLayoutChg chg="addSp delSp modSp mod">
          <pc:chgData name="Jonas Bratseth" userId="7880613d-1198-4bca-afa6-2725a9958330" providerId="ADAL" clId="{FF08786F-35DD-4FA5-91F3-FF8315EFC03A}" dt="2021-04-12T11:45:44.278" v="732" actId="478"/>
          <pc:sldLayoutMkLst>
            <pc:docMk/>
            <pc:sldMasterMk cId="750743933" sldId="2147483648"/>
            <pc:sldLayoutMk cId="4221861873" sldId="2147483661"/>
          </pc:sldLayoutMkLst>
          <pc:spChg chg="del">
            <ac:chgData name="Jonas Bratseth" userId="7880613d-1198-4bca-afa6-2725a9958330" providerId="ADAL" clId="{FF08786F-35DD-4FA5-91F3-FF8315EFC03A}" dt="2021-04-12T11:45:44.278" v="732" actId="478"/>
            <ac:spMkLst>
              <pc:docMk/>
              <pc:sldMasterMk cId="750743933" sldId="2147483648"/>
              <pc:sldLayoutMk cId="4221861873" sldId="2147483661"/>
              <ac:spMk id="5" creationId="{04904180-C847-4FC0-9759-1956EECC4080}"/>
            </ac:spMkLst>
          </pc:spChg>
          <pc:spChg chg="add del mod">
            <ac:chgData name="Jonas Bratseth" userId="7880613d-1198-4bca-afa6-2725a9958330" providerId="ADAL" clId="{FF08786F-35DD-4FA5-91F3-FF8315EFC03A}" dt="2021-04-12T11:23:57.848" v="599" actId="478"/>
            <ac:spMkLst>
              <pc:docMk/>
              <pc:sldMasterMk cId="750743933" sldId="2147483648"/>
              <pc:sldLayoutMk cId="4221861873" sldId="2147483661"/>
              <ac:spMk id="6" creationId="{0A3AC7E7-8A8F-4092-BEAB-36D5B90139D5}"/>
            </ac:spMkLst>
          </pc:spChg>
          <pc:spChg chg="add del mod">
            <ac:chgData name="Jonas Bratseth" userId="7880613d-1198-4bca-afa6-2725a9958330" providerId="ADAL" clId="{FF08786F-35DD-4FA5-91F3-FF8315EFC03A}" dt="2021-04-12T11:24:50.067" v="621" actId="478"/>
            <ac:spMkLst>
              <pc:docMk/>
              <pc:sldMasterMk cId="750743933" sldId="2147483648"/>
              <pc:sldLayoutMk cId="4221861873" sldId="2147483661"/>
              <ac:spMk id="7" creationId="{0DEDBE4E-D075-4536-9D4B-4E46C385B882}"/>
            </ac:spMkLst>
          </pc:spChg>
          <pc:spChg chg="add mod">
            <ac:chgData name="Jonas Bratseth" userId="7880613d-1198-4bca-afa6-2725a9958330" providerId="ADAL" clId="{FF08786F-35DD-4FA5-91F3-FF8315EFC03A}" dt="2021-04-12T11:24:50.814" v="622"/>
            <ac:spMkLst>
              <pc:docMk/>
              <pc:sldMasterMk cId="750743933" sldId="2147483648"/>
              <pc:sldLayoutMk cId="4221861873" sldId="2147483661"/>
              <ac:spMk id="8" creationId="{55B705F1-BD8F-4927-980D-9E3C23775A55}"/>
            </ac:spMkLst>
          </pc:spChg>
        </pc:sldLayoutChg>
        <pc:sldLayoutChg chg="delSp modSp mod">
          <pc:chgData name="Jonas Bratseth" userId="7880613d-1198-4bca-afa6-2725a9958330" providerId="ADAL" clId="{FF08786F-35DD-4FA5-91F3-FF8315EFC03A}" dt="2021-04-12T11:24:56.766" v="626" actId="478"/>
          <pc:sldLayoutMkLst>
            <pc:docMk/>
            <pc:sldMasterMk cId="750743933" sldId="2147483648"/>
            <pc:sldLayoutMk cId="4145436888" sldId="2147483670"/>
          </pc:sldLayoutMkLst>
          <pc:spChg chg="del mod">
            <ac:chgData name="Jonas Bratseth" userId="7880613d-1198-4bca-afa6-2725a9958330" providerId="ADAL" clId="{FF08786F-35DD-4FA5-91F3-FF8315EFC03A}" dt="2021-04-12T11:24:56.766" v="626" actId="478"/>
            <ac:spMkLst>
              <pc:docMk/>
              <pc:sldMasterMk cId="750743933" sldId="2147483648"/>
              <pc:sldLayoutMk cId="4145436888" sldId="2147483670"/>
              <ac:spMk id="5" creationId="{04904180-C847-4FC0-9759-1956EECC4080}"/>
            </ac:spMkLst>
          </pc:spChg>
        </pc:sldLayoutChg>
        <pc:sldLayoutChg chg="addSp delSp modSp mod">
          <pc:chgData name="Jonas Bratseth" userId="7880613d-1198-4bca-afa6-2725a9958330" providerId="ADAL" clId="{FF08786F-35DD-4FA5-91F3-FF8315EFC03A}" dt="2021-04-26T08:37:50.102" v="1310"/>
          <pc:sldLayoutMkLst>
            <pc:docMk/>
            <pc:sldMasterMk cId="750743933" sldId="2147483648"/>
            <pc:sldLayoutMk cId="3191163200" sldId="2147483688"/>
          </pc:sldLayoutMkLst>
          <pc:spChg chg="add del">
            <ac:chgData name="Jonas Bratseth" userId="7880613d-1198-4bca-afa6-2725a9958330" providerId="ADAL" clId="{FF08786F-35DD-4FA5-91F3-FF8315EFC03A}" dt="2021-04-26T08:37:48.052" v="1308" actId="478"/>
            <ac:spMkLst>
              <pc:docMk/>
              <pc:sldMasterMk cId="750743933" sldId="2147483648"/>
              <pc:sldLayoutMk cId="3191163200" sldId="2147483688"/>
              <ac:spMk id="2" creationId="{A1E49F8F-D418-4FBA-825E-A63F2DDD8F1E}"/>
            </ac:spMkLst>
          </pc:spChg>
          <pc:spChg chg="add del">
            <ac:chgData name="Jonas Bratseth" userId="7880613d-1198-4bca-afa6-2725a9958330" providerId="ADAL" clId="{FF08786F-35DD-4FA5-91F3-FF8315EFC03A}" dt="2021-04-26T08:37:49.361" v="1309" actId="478"/>
            <ac:spMkLst>
              <pc:docMk/>
              <pc:sldMasterMk cId="750743933" sldId="2147483648"/>
              <pc:sldLayoutMk cId="3191163200" sldId="2147483688"/>
              <ac:spMk id="3" creationId="{8637D6E0-F061-4BBC-8DBC-562373D266A8}"/>
            </ac:spMkLst>
          </pc:spChg>
          <pc:spChg chg="mod">
            <ac:chgData name="Jonas Bratseth" userId="7880613d-1198-4bca-afa6-2725a9958330" providerId="ADAL" clId="{FF08786F-35DD-4FA5-91F3-FF8315EFC03A}" dt="2021-04-12T11:25:05.720" v="631"/>
            <ac:spMkLst>
              <pc:docMk/>
              <pc:sldMasterMk cId="750743933" sldId="2147483648"/>
              <pc:sldLayoutMk cId="3191163200" sldId="2147483688"/>
              <ac:spMk id="5" creationId="{8EDAF1BB-D4DD-4390-8C59-BBD2D2C67E20}"/>
            </ac:spMkLst>
          </pc:spChg>
          <pc:spChg chg="add del mod">
            <ac:chgData name="Jonas Bratseth" userId="7880613d-1198-4bca-afa6-2725a9958330" providerId="ADAL" clId="{FF08786F-35DD-4FA5-91F3-FF8315EFC03A}" dt="2021-04-12T11:25:00.512" v="627" actId="478"/>
            <ac:spMkLst>
              <pc:docMk/>
              <pc:sldMasterMk cId="750743933" sldId="2147483648"/>
              <pc:sldLayoutMk cId="3191163200" sldId="2147483688"/>
              <ac:spMk id="7" creationId="{1DE05AFB-C89C-4C32-B6CA-5AE48E30FD16}"/>
            </ac:spMkLst>
          </pc:spChg>
          <pc:spChg chg="add mod">
            <ac:chgData name="Jonas Bratseth" userId="7880613d-1198-4bca-afa6-2725a9958330" providerId="ADAL" clId="{FF08786F-35DD-4FA5-91F3-FF8315EFC03A}" dt="2021-04-12T11:25:03.384" v="629" actId="207"/>
            <ac:spMkLst>
              <pc:docMk/>
              <pc:sldMasterMk cId="750743933" sldId="2147483648"/>
              <pc:sldLayoutMk cId="3191163200" sldId="2147483688"/>
              <ac:spMk id="8" creationId="{83E9D99F-0012-4E73-A817-39C3B2316B8A}"/>
            </ac:spMkLst>
          </pc:spChg>
          <pc:spChg chg="add del mod">
            <ac:chgData name="Jonas Bratseth" userId="7880613d-1198-4bca-afa6-2725a9958330" providerId="ADAL" clId="{FF08786F-35DD-4FA5-91F3-FF8315EFC03A}" dt="2021-04-26T08:37:36.603" v="1303"/>
            <ac:spMkLst>
              <pc:docMk/>
              <pc:sldMasterMk cId="750743933" sldId="2147483648"/>
              <pc:sldLayoutMk cId="3191163200" sldId="2147483688"/>
              <ac:spMk id="9" creationId="{D5AF302A-C45A-483C-ACDE-116D2FCBA9AA}"/>
            </ac:spMkLst>
          </pc:spChg>
          <pc:spChg chg="add del mod">
            <ac:chgData name="Jonas Bratseth" userId="7880613d-1198-4bca-afa6-2725a9958330" providerId="ADAL" clId="{FF08786F-35DD-4FA5-91F3-FF8315EFC03A}" dt="2021-04-26T08:37:36.603" v="1303"/>
            <ac:spMkLst>
              <pc:docMk/>
              <pc:sldMasterMk cId="750743933" sldId="2147483648"/>
              <pc:sldLayoutMk cId="3191163200" sldId="2147483688"/>
              <ac:spMk id="10" creationId="{DCADDEBF-B82F-48BE-89BB-25E98B67D87B}"/>
            </ac:spMkLst>
          </pc:spChg>
          <pc:spChg chg="add del mod">
            <ac:chgData name="Jonas Bratseth" userId="7880613d-1198-4bca-afa6-2725a9958330" providerId="ADAL" clId="{FF08786F-35DD-4FA5-91F3-FF8315EFC03A}" dt="2021-04-26T08:37:41.640" v="1306"/>
            <ac:spMkLst>
              <pc:docMk/>
              <pc:sldMasterMk cId="750743933" sldId="2147483648"/>
              <pc:sldLayoutMk cId="3191163200" sldId="2147483688"/>
              <ac:spMk id="11" creationId="{31CB7027-8228-4259-B2FF-3386C2C8785B}"/>
            </ac:spMkLst>
          </pc:spChg>
          <pc:spChg chg="add del mod">
            <ac:chgData name="Jonas Bratseth" userId="7880613d-1198-4bca-afa6-2725a9958330" providerId="ADAL" clId="{FF08786F-35DD-4FA5-91F3-FF8315EFC03A}" dt="2021-04-26T08:37:41.640" v="1306"/>
            <ac:spMkLst>
              <pc:docMk/>
              <pc:sldMasterMk cId="750743933" sldId="2147483648"/>
              <pc:sldLayoutMk cId="3191163200" sldId="2147483688"/>
              <ac:spMk id="12" creationId="{E3AA3FA9-C5F5-432F-BB16-624060A26C14}"/>
            </ac:spMkLst>
          </pc:spChg>
          <pc:spChg chg="add mod">
            <ac:chgData name="Jonas Bratseth" userId="7880613d-1198-4bca-afa6-2725a9958330" providerId="ADAL" clId="{FF08786F-35DD-4FA5-91F3-FF8315EFC03A}" dt="2021-04-26T08:37:50.102" v="1310"/>
            <ac:spMkLst>
              <pc:docMk/>
              <pc:sldMasterMk cId="750743933" sldId="2147483648"/>
              <pc:sldLayoutMk cId="3191163200" sldId="2147483688"/>
              <ac:spMk id="13" creationId="{45E681C5-2E1A-4844-89DA-ACB28B04EDD6}"/>
            </ac:spMkLst>
          </pc:spChg>
          <pc:spChg chg="add mod">
            <ac:chgData name="Jonas Bratseth" userId="7880613d-1198-4bca-afa6-2725a9958330" providerId="ADAL" clId="{FF08786F-35DD-4FA5-91F3-FF8315EFC03A}" dt="2021-04-26T08:37:50.102" v="1310"/>
            <ac:spMkLst>
              <pc:docMk/>
              <pc:sldMasterMk cId="750743933" sldId="2147483648"/>
              <pc:sldLayoutMk cId="3191163200" sldId="2147483688"/>
              <ac:spMk id="14" creationId="{9D8E8E2B-3F64-4903-BA11-88E076433FB6}"/>
            </ac:spMkLst>
          </pc:spChg>
          <pc:spChg chg="add mod">
            <ac:chgData name="Jonas Bratseth" userId="7880613d-1198-4bca-afa6-2725a9958330" providerId="ADAL" clId="{FF08786F-35DD-4FA5-91F3-FF8315EFC03A}" dt="2021-04-26T08:37:50.102" v="1310"/>
            <ac:spMkLst>
              <pc:docMk/>
              <pc:sldMasterMk cId="750743933" sldId="2147483648"/>
              <pc:sldLayoutMk cId="3191163200" sldId="2147483688"/>
              <ac:spMk id="15" creationId="{4F918834-87D5-450E-9F18-8DFFE8EF3E4E}"/>
            </ac:spMkLst>
          </pc:spChg>
        </pc:sldLayoutChg>
        <pc:sldLayoutChg chg="addSp delSp modSp mod">
          <pc:chgData name="Jonas Bratseth" userId="7880613d-1198-4bca-afa6-2725a9958330" providerId="ADAL" clId="{FF08786F-35DD-4FA5-91F3-FF8315EFC03A}" dt="2021-04-12T11:45:50.591" v="736" actId="478"/>
          <pc:sldLayoutMkLst>
            <pc:docMk/>
            <pc:sldMasterMk cId="750743933" sldId="2147483648"/>
            <pc:sldLayoutMk cId="1761091794" sldId="2147483692"/>
          </pc:sldLayoutMkLst>
          <pc:spChg chg="del mod">
            <ac:chgData name="Jonas Bratseth" userId="7880613d-1198-4bca-afa6-2725a9958330" providerId="ADAL" clId="{FF08786F-35DD-4FA5-91F3-FF8315EFC03A}" dt="2021-04-12T11:45:50.591" v="736" actId="478"/>
            <ac:spMkLst>
              <pc:docMk/>
              <pc:sldMasterMk cId="750743933" sldId="2147483648"/>
              <pc:sldLayoutMk cId="1761091794" sldId="2147483692"/>
              <ac:spMk id="5" creationId="{04904180-C847-4FC0-9759-1956EECC4080}"/>
            </ac:spMkLst>
          </pc:spChg>
          <pc:spChg chg="add del mod">
            <ac:chgData name="Jonas Bratseth" userId="7880613d-1198-4bca-afa6-2725a9958330" providerId="ADAL" clId="{FF08786F-35DD-4FA5-91F3-FF8315EFC03A}" dt="2021-04-12T11:23:53.488" v="595" actId="478"/>
            <ac:spMkLst>
              <pc:docMk/>
              <pc:sldMasterMk cId="750743933" sldId="2147483648"/>
              <pc:sldLayoutMk cId="1761091794" sldId="2147483692"/>
              <ac:spMk id="12" creationId="{A47A7B96-49EF-402B-9363-B6A447A27A61}"/>
            </ac:spMkLst>
          </pc:spChg>
          <pc:spChg chg="add del mod">
            <ac:chgData name="Jonas Bratseth" userId="7880613d-1198-4bca-afa6-2725a9958330" providerId="ADAL" clId="{FF08786F-35DD-4FA5-91F3-FF8315EFC03A}" dt="2021-04-12T11:24:45.167" v="617" actId="478"/>
            <ac:spMkLst>
              <pc:docMk/>
              <pc:sldMasterMk cId="750743933" sldId="2147483648"/>
              <pc:sldLayoutMk cId="1761091794" sldId="2147483692"/>
              <ac:spMk id="14" creationId="{9FCFA33F-4D55-4772-84C2-26E266FC8F98}"/>
            </ac:spMkLst>
          </pc:spChg>
          <pc:spChg chg="add mod">
            <ac:chgData name="Jonas Bratseth" userId="7880613d-1198-4bca-afa6-2725a9958330" providerId="ADAL" clId="{FF08786F-35DD-4FA5-91F3-FF8315EFC03A}" dt="2021-04-12T11:24:45.835" v="618"/>
            <ac:spMkLst>
              <pc:docMk/>
              <pc:sldMasterMk cId="750743933" sldId="2147483648"/>
              <pc:sldLayoutMk cId="1761091794" sldId="2147483692"/>
              <ac:spMk id="15" creationId="{C4B1CCD6-DE24-4885-B377-F22C82601BEA}"/>
            </ac:spMkLst>
          </pc:spChg>
        </pc:sldLayoutChg>
        <pc:sldLayoutChg chg="addSp delSp modSp mod">
          <pc:chgData name="Jonas Bratseth" userId="7880613d-1198-4bca-afa6-2725a9958330" providerId="ADAL" clId="{FF08786F-35DD-4FA5-91F3-FF8315EFC03A}" dt="2021-04-12T11:46:01.526" v="743" actId="478"/>
          <pc:sldLayoutMkLst>
            <pc:docMk/>
            <pc:sldMasterMk cId="750743933" sldId="2147483648"/>
            <pc:sldLayoutMk cId="4019057681" sldId="2147483696"/>
          </pc:sldLayoutMkLst>
          <pc:spChg chg="add del mod">
            <ac:chgData name="Jonas Bratseth" userId="7880613d-1198-4bca-afa6-2725a9958330" providerId="ADAL" clId="{FF08786F-35DD-4FA5-91F3-FF8315EFC03A}" dt="2021-04-12T11:24:32.907" v="613" actId="478"/>
            <ac:spMkLst>
              <pc:docMk/>
              <pc:sldMasterMk cId="750743933" sldId="2147483648"/>
              <pc:sldLayoutMk cId="4019057681" sldId="2147483696"/>
              <ac:spMk id="4" creationId="{2DDA3B0C-66AB-485E-B162-2B258ABBAE4E}"/>
            </ac:spMkLst>
          </pc:spChg>
          <pc:spChg chg="del">
            <ac:chgData name="Jonas Bratseth" userId="7880613d-1198-4bca-afa6-2725a9958330" providerId="ADAL" clId="{FF08786F-35DD-4FA5-91F3-FF8315EFC03A}" dt="2021-04-12T11:46:01.526" v="743" actId="478"/>
            <ac:spMkLst>
              <pc:docMk/>
              <pc:sldMasterMk cId="750743933" sldId="2147483648"/>
              <pc:sldLayoutMk cId="4019057681" sldId="2147483696"/>
              <ac:spMk id="5" creationId="{04904180-C847-4FC0-9759-1956EECC4080}"/>
            </ac:spMkLst>
          </pc:spChg>
          <pc:spChg chg="add mod">
            <ac:chgData name="Jonas Bratseth" userId="7880613d-1198-4bca-afa6-2725a9958330" providerId="ADAL" clId="{FF08786F-35DD-4FA5-91F3-FF8315EFC03A}" dt="2021-04-12T11:24:36.683" v="614"/>
            <ac:spMkLst>
              <pc:docMk/>
              <pc:sldMasterMk cId="750743933" sldId="2147483648"/>
              <pc:sldLayoutMk cId="4019057681" sldId="2147483696"/>
              <ac:spMk id="6" creationId="{9819E40C-11F9-4CC9-A0F5-A28346A4DD61}"/>
            </ac:spMkLst>
          </pc:spChg>
        </pc:sldLayoutChg>
        <pc:sldLayoutChg chg="addSp delSp modSp mod">
          <pc:chgData name="Jonas Bratseth" userId="7880613d-1198-4bca-afa6-2725a9958330" providerId="ADAL" clId="{FF08786F-35DD-4FA5-91F3-FF8315EFC03A}" dt="2021-04-12T11:45:54.755" v="739" actId="478"/>
          <pc:sldLayoutMkLst>
            <pc:docMk/>
            <pc:sldMasterMk cId="750743933" sldId="2147483648"/>
            <pc:sldLayoutMk cId="415886399" sldId="2147483697"/>
          </pc:sldLayoutMkLst>
          <pc:spChg chg="del">
            <ac:chgData name="Jonas Bratseth" userId="7880613d-1198-4bca-afa6-2725a9958330" providerId="ADAL" clId="{FF08786F-35DD-4FA5-91F3-FF8315EFC03A}" dt="2021-04-12T11:45:54.755" v="739" actId="478"/>
            <ac:spMkLst>
              <pc:docMk/>
              <pc:sldMasterMk cId="750743933" sldId="2147483648"/>
              <pc:sldLayoutMk cId="415886399" sldId="2147483697"/>
              <ac:spMk id="5" creationId="{04904180-C847-4FC0-9759-1956EECC4080}"/>
            </ac:spMkLst>
          </pc:spChg>
          <pc:spChg chg="add del mod">
            <ac:chgData name="Jonas Bratseth" userId="7880613d-1198-4bca-afa6-2725a9958330" providerId="ADAL" clId="{FF08786F-35DD-4FA5-91F3-FF8315EFC03A}" dt="2021-04-12T11:23:37.741" v="589" actId="478"/>
            <ac:spMkLst>
              <pc:docMk/>
              <pc:sldMasterMk cId="750743933" sldId="2147483648"/>
              <pc:sldLayoutMk cId="415886399" sldId="2147483697"/>
              <ac:spMk id="9" creationId="{B293F86C-22E9-460B-A279-87C37CAF9212}"/>
            </ac:spMkLst>
          </pc:spChg>
          <pc:spChg chg="add del mod">
            <ac:chgData name="Jonas Bratseth" userId="7880613d-1198-4bca-afa6-2725a9958330" providerId="ADAL" clId="{FF08786F-35DD-4FA5-91F3-FF8315EFC03A}" dt="2021-04-12T11:24:21.373" v="607" actId="478"/>
            <ac:spMkLst>
              <pc:docMk/>
              <pc:sldMasterMk cId="750743933" sldId="2147483648"/>
              <pc:sldLayoutMk cId="415886399" sldId="2147483697"/>
              <ac:spMk id="13" creationId="{F57C364B-359C-42F6-93EE-66EBAF500D43}"/>
            </ac:spMkLst>
          </pc:spChg>
          <pc:spChg chg="add mod">
            <ac:chgData name="Jonas Bratseth" userId="7880613d-1198-4bca-afa6-2725a9958330" providerId="ADAL" clId="{FF08786F-35DD-4FA5-91F3-FF8315EFC03A}" dt="2021-04-12T11:24:22.338" v="608"/>
            <ac:spMkLst>
              <pc:docMk/>
              <pc:sldMasterMk cId="750743933" sldId="2147483648"/>
              <pc:sldLayoutMk cId="415886399" sldId="2147483697"/>
              <ac:spMk id="14" creationId="{1E09ED89-26A1-4FE1-A40F-EB42F632CDBD}"/>
            </ac:spMkLst>
          </pc:spChg>
        </pc:sldLayoutChg>
        <pc:sldLayoutChg chg="addSp delSp modSp mod">
          <pc:chgData name="Jonas Bratseth" userId="7880613d-1198-4bca-afa6-2725a9958330" providerId="ADAL" clId="{FF08786F-35DD-4FA5-91F3-FF8315EFC03A}" dt="2021-04-12T11:45:45.508" v="733" actId="478"/>
          <pc:sldLayoutMkLst>
            <pc:docMk/>
            <pc:sldMasterMk cId="750743933" sldId="2147483648"/>
            <pc:sldLayoutMk cId="4227365594" sldId="2147483704"/>
          </pc:sldLayoutMkLst>
          <pc:spChg chg="del">
            <ac:chgData name="Jonas Bratseth" userId="7880613d-1198-4bca-afa6-2725a9958330" providerId="ADAL" clId="{FF08786F-35DD-4FA5-91F3-FF8315EFC03A}" dt="2021-04-12T11:45:45.508" v="733" actId="478"/>
            <ac:spMkLst>
              <pc:docMk/>
              <pc:sldMasterMk cId="750743933" sldId="2147483648"/>
              <pc:sldLayoutMk cId="4227365594" sldId="2147483704"/>
              <ac:spMk id="5" creationId="{04904180-C847-4FC0-9759-1956EECC4080}"/>
            </ac:spMkLst>
          </pc:spChg>
          <pc:spChg chg="add del mod">
            <ac:chgData name="Jonas Bratseth" userId="7880613d-1198-4bca-afa6-2725a9958330" providerId="ADAL" clId="{FF08786F-35DD-4FA5-91F3-FF8315EFC03A}" dt="2021-04-12T11:23:55.930" v="597" actId="478"/>
            <ac:spMkLst>
              <pc:docMk/>
              <pc:sldMasterMk cId="750743933" sldId="2147483648"/>
              <pc:sldLayoutMk cId="4227365594" sldId="2147483704"/>
              <ac:spMk id="8" creationId="{0F3C558C-6004-4C7E-97C4-EBD03E859F65}"/>
            </ac:spMkLst>
          </pc:spChg>
          <pc:spChg chg="add del mod">
            <ac:chgData name="Jonas Bratseth" userId="7880613d-1198-4bca-afa6-2725a9958330" providerId="ADAL" clId="{FF08786F-35DD-4FA5-91F3-FF8315EFC03A}" dt="2021-04-12T11:24:47.510" v="619" actId="478"/>
            <ac:spMkLst>
              <pc:docMk/>
              <pc:sldMasterMk cId="750743933" sldId="2147483648"/>
              <pc:sldLayoutMk cId="4227365594" sldId="2147483704"/>
              <ac:spMk id="10" creationId="{31D44BB3-06AB-4463-9C69-6CD57C5BFC5D}"/>
            </ac:spMkLst>
          </pc:spChg>
          <pc:spChg chg="add mod">
            <ac:chgData name="Jonas Bratseth" userId="7880613d-1198-4bca-afa6-2725a9958330" providerId="ADAL" clId="{FF08786F-35DD-4FA5-91F3-FF8315EFC03A}" dt="2021-04-12T11:24:48.569" v="620"/>
            <ac:spMkLst>
              <pc:docMk/>
              <pc:sldMasterMk cId="750743933" sldId="2147483648"/>
              <pc:sldLayoutMk cId="4227365594" sldId="2147483704"/>
              <ac:spMk id="11" creationId="{0E0D9193-69AD-43FB-9918-A2B29145892B}"/>
            </ac:spMkLst>
          </pc:spChg>
        </pc:sldLayoutChg>
        <pc:sldLayoutChg chg="addSp delSp modSp mod">
          <pc:chgData name="Jonas Bratseth" userId="7880613d-1198-4bca-afa6-2725a9958330" providerId="ADAL" clId="{FF08786F-35DD-4FA5-91F3-FF8315EFC03A}" dt="2021-04-12T11:45:51.996" v="737" actId="478"/>
          <pc:sldLayoutMkLst>
            <pc:docMk/>
            <pc:sldMasterMk cId="750743933" sldId="2147483648"/>
            <pc:sldLayoutMk cId="3314286841" sldId="2147483705"/>
          </pc:sldLayoutMkLst>
          <pc:spChg chg="del">
            <ac:chgData name="Jonas Bratseth" userId="7880613d-1198-4bca-afa6-2725a9958330" providerId="ADAL" clId="{FF08786F-35DD-4FA5-91F3-FF8315EFC03A}" dt="2021-04-12T11:45:51.996" v="737" actId="478"/>
            <ac:spMkLst>
              <pc:docMk/>
              <pc:sldMasterMk cId="750743933" sldId="2147483648"/>
              <pc:sldLayoutMk cId="3314286841" sldId="2147483705"/>
              <ac:spMk id="5" creationId="{04904180-C847-4FC0-9759-1956EECC4080}"/>
            </ac:spMkLst>
          </pc:spChg>
          <pc:spChg chg="add del mod">
            <ac:chgData name="Jonas Bratseth" userId="7880613d-1198-4bca-afa6-2725a9958330" providerId="ADAL" clId="{FF08786F-35DD-4FA5-91F3-FF8315EFC03A}" dt="2021-04-12T11:23:42.911" v="593" actId="478"/>
            <ac:spMkLst>
              <pc:docMk/>
              <pc:sldMasterMk cId="750743933" sldId="2147483648"/>
              <pc:sldLayoutMk cId="3314286841" sldId="2147483705"/>
              <ac:spMk id="15" creationId="{7040FD2A-35B1-4DD7-9A51-EAC1E53029B4}"/>
            </ac:spMkLst>
          </pc:spChg>
          <pc:spChg chg="add del mod">
            <ac:chgData name="Jonas Bratseth" userId="7880613d-1198-4bca-afa6-2725a9958330" providerId="ADAL" clId="{FF08786F-35DD-4FA5-91F3-FF8315EFC03A}" dt="2021-04-12T11:24:41.949" v="615" actId="478"/>
            <ac:spMkLst>
              <pc:docMk/>
              <pc:sldMasterMk cId="750743933" sldId="2147483648"/>
              <pc:sldLayoutMk cId="3314286841" sldId="2147483705"/>
              <ac:spMk id="18" creationId="{480356D4-77D9-4EAF-A6BB-DD80B65F0E25}"/>
            </ac:spMkLst>
          </pc:spChg>
          <pc:spChg chg="add mod">
            <ac:chgData name="Jonas Bratseth" userId="7880613d-1198-4bca-afa6-2725a9958330" providerId="ADAL" clId="{FF08786F-35DD-4FA5-91F3-FF8315EFC03A}" dt="2021-04-12T11:24:42.668" v="616"/>
            <ac:spMkLst>
              <pc:docMk/>
              <pc:sldMasterMk cId="750743933" sldId="2147483648"/>
              <pc:sldLayoutMk cId="3314286841" sldId="2147483705"/>
              <ac:spMk id="19" creationId="{BC6E86D0-4AE7-46BC-A435-E79A60A5FA38}"/>
            </ac:spMkLst>
          </pc:spChg>
        </pc:sldLayoutChg>
        <pc:sldLayoutChg chg="addSp delSp modSp mod">
          <pc:chgData name="Jonas Bratseth" userId="7880613d-1198-4bca-afa6-2725a9958330" providerId="ADAL" clId="{FF08786F-35DD-4FA5-91F3-FF8315EFC03A}" dt="2021-04-12T11:45:53.297" v="738" actId="478"/>
          <pc:sldLayoutMkLst>
            <pc:docMk/>
            <pc:sldMasterMk cId="750743933" sldId="2147483648"/>
            <pc:sldLayoutMk cId="1766422034" sldId="2147483714"/>
          </pc:sldLayoutMkLst>
          <pc:spChg chg="del">
            <ac:chgData name="Jonas Bratseth" userId="7880613d-1198-4bca-afa6-2725a9958330" providerId="ADAL" clId="{FF08786F-35DD-4FA5-91F3-FF8315EFC03A}" dt="2021-04-12T11:45:53.297" v="738" actId="478"/>
            <ac:spMkLst>
              <pc:docMk/>
              <pc:sldMasterMk cId="750743933" sldId="2147483648"/>
              <pc:sldLayoutMk cId="1766422034" sldId="2147483714"/>
              <ac:spMk id="5" creationId="{04904180-C847-4FC0-9759-1956EECC4080}"/>
            </ac:spMkLst>
          </pc:spChg>
          <pc:spChg chg="add del mod">
            <ac:chgData name="Jonas Bratseth" userId="7880613d-1198-4bca-afa6-2725a9958330" providerId="ADAL" clId="{FF08786F-35DD-4FA5-91F3-FF8315EFC03A}" dt="2021-04-12T11:23:39.600" v="591" actId="478"/>
            <ac:spMkLst>
              <pc:docMk/>
              <pc:sldMasterMk cId="750743933" sldId="2147483648"/>
              <pc:sldLayoutMk cId="1766422034" sldId="2147483714"/>
              <ac:spMk id="15" creationId="{D0EEE9E3-9826-4361-A056-DA1D692F4FAF}"/>
            </ac:spMkLst>
          </pc:spChg>
          <pc:spChg chg="add mod">
            <ac:chgData name="Jonas Bratseth" userId="7880613d-1198-4bca-afa6-2725a9958330" providerId="ADAL" clId="{FF08786F-35DD-4FA5-91F3-FF8315EFC03A}" dt="2021-04-12T11:24:15.365" v="606"/>
            <ac:spMkLst>
              <pc:docMk/>
              <pc:sldMasterMk cId="750743933" sldId="2147483648"/>
              <pc:sldLayoutMk cId="1766422034" sldId="2147483714"/>
              <ac:spMk id="22" creationId="{2B10A327-405D-42CA-9F67-2AF8ABA2131E}"/>
            </ac:spMkLst>
          </pc:spChg>
        </pc:sldLayoutChg>
        <pc:sldLayoutChg chg="addSp delSp modSp mod">
          <pc:chgData name="Jonas Bratseth" userId="7880613d-1198-4bca-afa6-2725a9958330" providerId="ADAL" clId="{FF08786F-35DD-4FA5-91F3-FF8315EFC03A}" dt="2021-04-14T06:22:02.742" v="847"/>
          <pc:sldLayoutMkLst>
            <pc:docMk/>
            <pc:sldMasterMk cId="750743933" sldId="2147483648"/>
            <pc:sldLayoutMk cId="2045479274" sldId="2147483715"/>
          </pc:sldLayoutMkLst>
          <pc:spChg chg="del">
            <ac:chgData name="Jonas Bratseth" userId="7880613d-1198-4bca-afa6-2725a9958330" providerId="ADAL" clId="{FF08786F-35DD-4FA5-91F3-FF8315EFC03A}" dt="2021-04-12T11:45:56.147" v="740" actId="478"/>
            <ac:spMkLst>
              <pc:docMk/>
              <pc:sldMasterMk cId="750743933" sldId="2147483648"/>
              <pc:sldLayoutMk cId="2045479274" sldId="2147483715"/>
              <ac:spMk id="5" creationId="{04904180-C847-4FC0-9759-1956EECC4080}"/>
            </ac:spMkLst>
          </pc:spChg>
          <pc:spChg chg="mod">
            <ac:chgData name="Jonas Bratseth" userId="7880613d-1198-4bca-afa6-2725a9958330" providerId="ADAL" clId="{FF08786F-35DD-4FA5-91F3-FF8315EFC03A}" dt="2021-04-14T06:21:59.459" v="841"/>
            <ac:spMkLst>
              <pc:docMk/>
              <pc:sldMasterMk cId="750743933" sldId="2147483648"/>
              <pc:sldLayoutMk cId="2045479274" sldId="2147483715"/>
              <ac:spMk id="8" creationId="{B2115B63-85A5-424E-8342-6645D629D5D7}"/>
            </ac:spMkLst>
          </pc:spChg>
          <pc:spChg chg="add del mod">
            <ac:chgData name="Jonas Bratseth" userId="7880613d-1198-4bca-afa6-2725a9958330" providerId="ADAL" clId="{FF08786F-35DD-4FA5-91F3-FF8315EFC03A}" dt="2021-04-12T11:23:35.672" v="587" actId="478"/>
            <ac:spMkLst>
              <pc:docMk/>
              <pc:sldMasterMk cId="750743933" sldId="2147483648"/>
              <pc:sldLayoutMk cId="2045479274" sldId="2147483715"/>
              <ac:spMk id="18" creationId="{B3ED8FE5-D6EE-4167-8C92-1CBB17C8E003}"/>
            </ac:spMkLst>
          </pc:spChg>
          <pc:spChg chg="add del mod">
            <ac:chgData name="Jonas Bratseth" userId="7880613d-1198-4bca-afa6-2725a9958330" providerId="ADAL" clId="{FF08786F-35DD-4FA5-91F3-FF8315EFC03A}" dt="2021-04-12T11:24:23.485" v="609" actId="478"/>
            <ac:spMkLst>
              <pc:docMk/>
              <pc:sldMasterMk cId="750743933" sldId="2147483648"/>
              <pc:sldLayoutMk cId="2045479274" sldId="2147483715"/>
              <ac:spMk id="19" creationId="{90CF4E1C-463A-409A-ACCE-B0EA083D0B34}"/>
            </ac:spMkLst>
          </pc:spChg>
          <pc:spChg chg="mod">
            <ac:chgData name="Jonas Bratseth" userId="7880613d-1198-4bca-afa6-2725a9958330" providerId="ADAL" clId="{FF08786F-35DD-4FA5-91F3-FF8315EFC03A}" dt="2021-04-14T06:22:02.742" v="843"/>
            <ac:spMkLst>
              <pc:docMk/>
              <pc:sldMasterMk cId="750743933" sldId="2147483648"/>
              <pc:sldLayoutMk cId="2045479274" sldId="2147483715"/>
              <ac:spMk id="20" creationId="{CE0B8209-0B57-480E-BC05-65AB6422230C}"/>
            </ac:spMkLst>
          </pc:spChg>
          <pc:spChg chg="add mod">
            <ac:chgData name="Jonas Bratseth" userId="7880613d-1198-4bca-afa6-2725a9958330" providerId="ADAL" clId="{FF08786F-35DD-4FA5-91F3-FF8315EFC03A}" dt="2021-04-12T11:24:24.199" v="610"/>
            <ac:spMkLst>
              <pc:docMk/>
              <pc:sldMasterMk cId="750743933" sldId="2147483648"/>
              <pc:sldLayoutMk cId="2045479274" sldId="2147483715"/>
              <ac:spMk id="22" creationId="{15589A20-B34D-47F9-883F-6C734E90FE4E}"/>
            </ac:spMkLst>
          </pc:spChg>
          <pc:spChg chg="mod">
            <ac:chgData name="Jonas Bratseth" userId="7880613d-1198-4bca-afa6-2725a9958330" providerId="ADAL" clId="{FF08786F-35DD-4FA5-91F3-FF8315EFC03A}" dt="2021-04-14T06:22:02.742" v="845"/>
            <ac:spMkLst>
              <pc:docMk/>
              <pc:sldMasterMk cId="750743933" sldId="2147483648"/>
              <pc:sldLayoutMk cId="2045479274" sldId="2147483715"/>
              <ac:spMk id="23" creationId="{2E022E5D-734A-4E35-AC58-D0A331D35696}"/>
            </ac:spMkLst>
          </pc:spChg>
          <pc:spChg chg="mod">
            <ac:chgData name="Jonas Bratseth" userId="7880613d-1198-4bca-afa6-2725a9958330" providerId="ADAL" clId="{FF08786F-35DD-4FA5-91F3-FF8315EFC03A}" dt="2021-04-14T06:22:02.742" v="847"/>
            <ac:spMkLst>
              <pc:docMk/>
              <pc:sldMasterMk cId="750743933" sldId="2147483648"/>
              <pc:sldLayoutMk cId="2045479274" sldId="2147483715"/>
              <ac:spMk id="26" creationId="{825859A8-6BC3-464B-BAC4-75EA404385C4}"/>
            </ac:spMkLst>
          </pc:spChg>
          <pc:spChg chg="del">
            <ac:chgData name="Jonas Bratseth" userId="7880613d-1198-4bca-afa6-2725a9958330" providerId="ADAL" clId="{FF08786F-35DD-4FA5-91F3-FF8315EFC03A}" dt="2021-04-12T11:30:08.621" v="723" actId="478"/>
            <ac:spMkLst>
              <pc:docMk/>
              <pc:sldMasterMk cId="750743933" sldId="2147483648"/>
              <pc:sldLayoutMk cId="2045479274" sldId="2147483715"/>
              <ac:spMk id="32" creationId="{9499EFE1-8CBA-423F-8122-58E739F6751B}"/>
            </ac:spMkLst>
          </pc:spChg>
          <pc:spChg chg="del">
            <ac:chgData name="Jonas Bratseth" userId="7880613d-1198-4bca-afa6-2725a9958330" providerId="ADAL" clId="{FF08786F-35DD-4FA5-91F3-FF8315EFC03A}" dt="2021-04-12T11:30:08.621" v="723" actId="478"/>
            <ac:spMkLst>
              <pc:docMk/>
              <pc:sldMasterMk cId="750743933" sldId="2147483648"/>
              <pc:sldLayoutMk cId="2045479274" sldId="2147483715"/>
              <ac:spMk id="34" creationId="{4663B884-1B37-4D3C-BA4C-6E4DFDC6B7E9}"/>
            </ac:spMkLst>
          </pc:spChg>
          <pc:spChg chg="del">
            <ac:chgData name="Jonas Bratseth" userId="7880613d-1198-4bca-afa6-2725a9958330" providerId="ADAL" clId="{FF08786F-35DD-4FA5-91F3-FF8315EFC03A}" dt="2021-04-12T11:30:08.621" v="723" actId="478"/>
            <ac:spMkLst>
              <pc:docMk/>
              <pc:sldMasterMk cId="750743933" sldId="2147483648"/>
              <pc:sldLayoutMk cId="2045479274" sldId="2147483715"/>
              <ac:spMk id="36" creationId="{D5AEE4FD-CC8C-4092-AAA0-989B431A8483}"/>
            </ac:spMkLst>
          </pc:spChg>
          <pc:spChg chg="del">
            <ac:chgData name="Jonas Bratseth" userId="7880613d-1198-4bca-afa6-2725a9958330" providerId="ADAL" clId="{FF08786F-35DD-4FA5-91F3-FF8315EFC03A}" dt="2021-04-12T11:30:08.621" v="723" actId="478"/>
            <ac:spMkLst>
              <pc:docMk/>
              <pc:sldMasterMk cId="750743933" sldId="2147483648"/>
              <pc:sldLayoutMk cId="2045479274" sldId="2147483715"/>
              <ac:spMk id="41" creationId="{D5EB240A-3766-4487-8B37-EF0F3B69118B}"/>
            </ac:spMkLst>
          </pc:spChg>
          <pc:spChg chg="del">
            <ac:chgData name="Jonas Bratseth" userId="7880613d-1198-4bca-afa6-2725a9958330" providerId="ADAL" clId="{FF08786F-35DD-4FA5-91F3-FF8315EFC03A}" dt="2021-04-12T11:30:08.621" v="723" actId="478"/>
            <ac:spMkLst>
              <pc:docMk/>
              <pc:sldMasterMk cId="750743933" sldId="2147483648"/>
              <pc:sldLayoutMk cId="2045479274" sldId="2147483715"/>
              <ac:spMk id="42" creationId="{E7A50160-9C8F-4AEA-B2A9-645F2215554C}"/>
            </ac:spMkLst>
          </pc:spChg>
          <pc:cxnChg chg="del">
            <ac:chgData name="Jonas Bratseth" userId="7880613d-1198-4bca-afa6-2725a9958330" providerId="ADAL" clId="{FF08786F-35DD-4FA5-91F3-FF8315EFC03A}" dt="2021-04-12T11:30:08.621" v="723" actId="478"/>
            <ac:cxnSpMkLst>
              <pc:docMk/>
              <pc:sldMasterMk cId="750743933" sldId="2147483648"/>
              <pc:sldLayoutMk cId="2045479274" sldId="2147483715"/>
              <ac:cxnSpMk id="46" creationId="{07D70D71-7D65-456F-8918-0D83F0B88E9C}"/>
            </ac:cxnSpMkLst>
          </pc:cxnChg>
        </pc:sldLayoutChg>
        <pc:sldLayoutChg chg="addSp delSp modSp mod">
          <pc:chgData name="Jonas Bratseth" userId="7880613d-1198-4bca-afa6-2725a9958330" providerId="ADAL" clId="{FF08786F-35DD-4FA5-91F3-FF8315EFC03A}" dt="2021-04-12T11:45:57.763" v="741" actId="478"/>
          <pc:sldLayoutMkLst>
            <pc:docMk/>
            <pc:sldMasterMk cId="750743933" sldId="2147483648"/>
            <pc:sldLayoutMk cId="4199085092" sldId="2147483717"/>
          </pc:sldLayoutMkLst>
          <pc:spChg chg="del">
            <ac:chgData name="Jonas Bratseth" userId="7880613d-1198-4bca-afa6-2725a9958330" providerId="ADAL" clId="{FF08786F-35DD-4FA5-91F3-FF8315EFC03A}" dt="2021-04-12T11:45:57.763" v="741" actId="478"/>
            <ac:spMkLst>
              <pc:docMk/>
              <pc:sldMasterMk cId="750743933" sldId="2147483648"/>
              <pc:sldLayoutMk cId="4199085092" sldId="2147483717"/>
              <ac:spMk id="5" creationId="{04904180-C847-4FC0-9759-1956EECC4080}"/>
            </ac:spMkLst>
          </pc:spChg>
          <pc:spChg chg="add del mod">
            <ac:chgData name="Jonas Bratseth" userId="7880613d-1198-4bca-afa6-2725a9958330" providerId="ADAL" clId="{FF08786F-35DD-4FA5-91F3-FF8315EFC03A}" dt="2021-04-12T11:23:32.631" v="585" actId="478"/>
            <ac:spMkLst>
              <pc:docMk/>
              <pc:sldMasterMk cId="750743933" sldId="2147483648"/>
              <pc:sldLayoutMk cId="4199085092" sldId="2147483717"/>
              <ac:spMk id="17" creationId="{2AEE9EBF-2142-420A-BBB0-80312852D59C}"/>
            </ac:spMkLst>
          </pc:spChg>
          <pc:spChg chg="add del mod">
            <ac:chgData name="Jonas Bratseth" userId="7880613d-1198-4bca-afa6-2725a9958330" providerId="ADAL" clId="{FF08786F-35DD-4FA5-91F3-FF8315EFC03A}" dt="2021-04-12T11:24:30.102" v="611" actId="478"/>
            <ac:spMkLst>
              <pc:docMk/>
              <pc:sldMasterMk cId="750743933" sldId="2147483648"/>
              <pc:sldLayoutMk cId="4199085092" sldId="2147483717"/>
              <ac:spMk id="18" creationId="{3084C72F-7118-4D05-8A71-1CBFA53700E3}"/>
            </ac:spMkLst>
          </pc:spChg>
          <pc:spChg chg="add mod">
            <ac:chgData name="Jonas Bratseth" userId="7880613d-1198-4bca-afa6-2725a9958330" providerId="ADAL" clId="{FF08786F-35DD-4FA5-91F3-FF8315EFC03A}" dt="2021-04-12T11:24:30.964" v="612"/>
            <ac:spMkLst>
              <pc:docMk/>
              <pc:sldMasterMk cId="750743933" sldId="2147483648"/>
              <pc:sldLayoutMk cId="4199085092" sldId="2147483717"/>
              <ac:spMk id="19" creationId="{61A31FA8-45E7-4F21-920C-1CD45F20D7EB}"/>
            </ac:spMkLst>
          </pc:spChg>
        </pc:sldLayoutChg>
        <pc:sldLayoutChg chg="addSp delSp modSp mod">
          <pc:chgData name="Jonas Bratseth" userId="7880613d-1198-4bca-afa6-2725a9958330" providerId="ADAL" clId="{FF08786F-35DD-4FA5-91F3-FF8315EFC03A}" dt="2021-04-28T09:10:01.162" v="1343" actId="478"/>
          <pc:sldLayoutMkLst>
            <pc:docMk/>
            <pc:sldMasterMk cId="750743933" sldId="2147483648"/>
            <pc:sldLayoutMk cId="1376239089" sldId="2147483748"/>
          </pc:sldLayoutMkLst>
          <pc:spChg chg="add del">
            <ac:chgData name="Jonas Bratseth" userId="7880613d-1198-4bca-afa6-2725a9958330" providerId="ADAL" clId="{FF08786F-35DD-4FA5-91F3-FF8315EFC03A}" dt="2021-04-12T08:32:11.927" v="359" actId="11529"/>
            <ac:spMkLst>
              <pc:docMk/>
              <pc:sldMasterMk cId="750743933" sldId="2147483648"/>
              <pc:sldLayoutMk cId="1376239089" sldId="2147483748"/>
              <ac:spMk id="2" creationId="{3ED2CF26-B3E3-44EE-B64D-A81374CF4F2F}"/>
            </ac:spMkLst>
          </pc:spChg>
          <pc:spChg chg="add mod ord">
            <ac:chgData name="Jonas Bratseth" userId="7880613d-1198-4bca-afa6-2725a9958330" providerId="ADAL" clId="{FF08786F-35DD-4FA5-91F3-FF8315EFC03A}" dt="2021-04-12T08:32:52.757" v="402" actId="167"/>
            <ac:spMkLst>
              <pc:docMk/>
              <pc:sldMasterMk cId="750743933" sldId="2147483648"/>
              <pc:sldLayoutMk cId="1376239089" sldId="2147483748"/>
              <ac:spMk id="3" creationId="{E2091FE9-5642-447B-A657-51E61C78B318}"/>
            </ac:spMkLst>
          </pc:spChg>
          <pc:spChg chg="add del">
            <ac:chgData name="Jonas Bratseth" userId="7880613d-1198-4bca-afa6-2725a9958330" providerId="ADAL" clId="{FF08786F-35DD-4FA5-91F3-FF8315EFC03A}" dt="2021-04-12T08:33:09.112" v="403" actId="11529"/>
            <ac:spMkLst>
              <pc:docMk/>
              <pc:sldMasterMk cId="750743933" sldId="2147483648"/>
              <pc:sldLayoutMk cId="1376239089" sldId="2147483748"/>
              <ac:spMk id="4" creationId="{157B0DD5-5379-4FC8-BA1E-65B3FDE48FA3}"/>
            </ac:spMkLst>
          </pc:spChg>
          <pc:spChg chg="add del mod">
            <ac:chgData name="Jonas Bratseth" userId="7880613d-1198-4bca-afa6-2725a9958330" providerId="ADAL" clId="{FF08786F-35DD-4FA5-91F3-FF8315EFC03A}" dt="2021-04-12T08:33:12.843" v="406" actId="478"/>
            <ac:spMkLst>
              <pc:docMk/>
              <pc:sldMasterMk cId="750743933" sldId="2147483648"/>
              <pc:sldLayoutMk cId="1376239089" sldId="2147483748"/>
              <ac:spMk id="5" creationId="{4040300F-416A-4D40-9A5E-426C46524E3A}"/>
            </ac:spMkLst>
          </pc:spChg>
          <pc:spChg chg="add del mod">
            <ac:chgData name="Jonas Bratseth" userId="7880613d-1198-4bca-afa6-2725a9958330" providerId="ADAL" clId="{FF08786F-35DD-4FA5-91F3-FF8315EFC03A}" dt="2021-04-12T11:16:22.408" v="511" actId="478"/>
            <ac:spMkLst>
              <pc:docMk/>
              <pc:sldMasterMk cId="750743933" sldId="2147483648"/>
              <pc:sldLayoutMk cId="1376239089" sldId="2147483748"/>
              <ac:spMk id="8" creationId="{4A50355D-AE96-4094-952D-E58D4D07C6E3}"/>
            </ac:spMkLst>
          </pc:spChg>
          <pc:spChg chg="add del mod">
            <ac:chgData name="Jonas Bratseth" userId="7880613d-1198-4bca-afa6-2725a9958330" providerId="ADAL" clId="{FF08786F-35DD-4FA5-91F3-FF8315EFC03A}" dt="2021-04-12T11:25:24.354" v="639" actId="478"/>
            <ac:spMkLst>
              <pc:docMk/>
              <pc:sldMasterMk cId="750743933" sldId="2147483648"/>
              <pc:sldLayoutMk cId="1376239089" sldId="2147483748"/>
              <ac:spMk id="9" creationId="{4C68FC0B-98C7-4F76-AF86-FEA27C20407B}"/>
            </ac:spMkLst>
          </pc:spChg>
          <pc:spChg chg="del ord">
            <ac:chgData name="Jonas Bratseth" userId="7880613d-1198-4bca-afa6-2725a9958330" providerId="ADAL" clId="{FF08786F-35DD-4FA5-91F3-FF8315EFC03A}" dt="2021-04-28T09:10:01.162" v="1343" actId="478"/>
            <ac:spMkLst>
              <pc:docMk/>
              <pc:sldMasterMk cId="750743933" sldId="2147483648"/>
              <pc:sldLayoutMk cId="1376239089" sldId="2147483748"/>
              <ac:spMk id="10" creationId="{BA9FE935-F199-41D7-871A-24EC1D9C5AD9}"/>
            </ac:spMkLst>
          </pc:spChg>
          <pc:spChg chg="add mod">
            <ac:chgData name="Jonas Bratseth" userId="7880613d-1198-4bca-afa6-2725a9958330" providerId="ADAL" clId="{FF08786F-35DD-4FA5-91F3-FF8315EFC03A}" dt="2021-04-12T11:25:25.085" v="640"/>
            <ac:spMkLst>
              <pc:docMk/>
              <pc:sldMasterMk cId="750743933" sldId="2147483648"/>
              <pc:sldLayoutMk cId="1376239089" sldId="2147483748"/>
              <ac:spMk id="11" creationId="{A4B5E9D0-5AD0-4620-898F-B8CBAD3BCBA3}"/>
            </ac:spMkLst>
          </pc:spChg>
          <pc:spChg chg="mod">
            <ac:chgData name="Jonas Bratseth" userId="7880613d-1198-4bca-afa6-2725a9958330" providerId="ADAL" clId="{FF08786F-35DD-4FA5-91F3-FF8315EFC03A}" dt="2021-04-12T08:34:49.047" v="466"/>
            <ac:spMkLst>
              <pc:docMk/>
              <pc:sldMasterMk cId="750743933" sldId="2147483648"/>
              <pc:sldLayoutMk cId="1376239089" sldId="2147483748"/>
              <ac:spMk id="12" creationId="{C4136857-8A04-412B-B6B5-632FD407B032}"/>
            </ac:spMkLst>
          </pc:spChg>
          <pc:cxnChg chg="add del mod">
            <ac:chgData name="Jonas Bratseth" userId="7880613d-1198-4bca-afa6-2725a9958330" providerId="ADAL" clId="{FF08786F-35DD-4FA5-91F3-FF8315EFC03A}" dt="2021-04-12T08:33:22.017" v="409" actId="478"/>
            <ac:cxnSpMkLst>
              <pc:docMk/>
              <pc:sldMasterMk cId="750743933" sldId="2147483648"/>
              <pc:sldLayoutMk cId="1376239089" sldId="2147483748"/>
              <ac:cxnSpMk id="7" creationId="{FE8C7B6A-482A-4011-A1A3-45D1F2E2BF37}"/>
            </ac:cxnSpMkLst>
          </pc:cxnChg>
          <pc:cxnChg chg="add del mod">
            <ac:chgData name="Jonas Bratseth" userId="7880613d-1198-4bca-afa6-2725a9958330" providerId="ADAL" clId="{FF08786F-35DD-4FA5-91F3-FF8315EFC03A}" dt="2021-04-12T08:34:36.195" v="464" actId="478"/>
            <ac:cxnSpMkLst>
              <pc:docMk/>
              <pc:sldMasterMk cId="750743933" sldId="2147483648"/>
              <pc:sldLayoutMk cId="1376239089" sldId="2147483748"/>
              <ac:cxnSpMk id="11" creationId="{344BB1A6-D078-45BD-83CB-5231ED709486}"/>
            </ac:cxnSpMkLst>
          </pc:cxnChg>
          <pc:cxnChg chg="add del mod">
            <ac:chgData name="Jonas Bratseth" userId="7880613d-1198-4bca-afa6-2725a9958330" providerId="ADAL" clId="{FF08786F-35DD-4FA5-91F3-FF8315EFC03A}" dt="2021-04-12T08:34:01.963" v="429" actId="478"/>
            <ac:cxnSpMkLst>
              <pc:docMk/>
              <pc:sldMasterMk cId="750743933" sldId="2147483648"/>
              <pc:sldLayoutMk cId="1376239089" sldId="2147483748"/>
              <ac:cxnSpMk id="16" creationId="{CE7B47A5-8A4E-4A98-965E-7A3B64DA395A}"/>
            </ac:cxnSpMkLst>
          </pc:cxnChg>
          <pc:cxnChg chg="add del mod">
            <ac:chgData name="Jonas Bratseth" userId="7880613d-1198-4bca-afa6-2725a9958330" providerId="ADAL" clId="{FF08786F-35DD-4FA5-91F3-FF8315EFC03A}" dt="2021-04-12T08:34:11.881" v="446" actId="478"/>
            <ac:cxnSpMkLst>
              <pc:docMk/>
              <pc:sldMasterMk cId="750743933" sldId="2147483648"/>
              <pc:sldLayoutMk cId="1376239089" sldId="2147483748"/>
              <ac:cxnSpMk id="19" creationId="{C948A6ED-8871-4EA5-9104-3AA20B0B30B2}"/>
            </ac:cxnSpMkLst>
          </pc:cxnChg>
        </pc:sldLayoutChg>
        <pc:sldLayoutChg chg="delSp modSp add mod modTransition">
          <pc:chgData name="Jonas Bratseth" userId="7880613d-1198-4bca-afa6-2725a9958330" providerId="ADAL" clId="{FF08786F-35DD-4FA5-91F3-FF8315EFC03A}" dt="2021-04-12T11:45:59.077" v="742" actId="478"/>
          <pc:sldLayoutMkLst>
            <pc:docMk/>
            <pc:sldMasterMk cId="750743933" sldId="2147483648"/>
            <pc:sldLayoutMk cId="2171981857" sldId="2147483749"/>
          </pc:sldLayoutMkLst>
          <pc:spChg chg="del">
            <ac:chgData name="Jonas Bratseth" userId="7880613d-1198-4bca-afa6-2725a9958330" providerId="ADAL" clId="{FF08786F-35DD-4FA5-91F3-FF8315EFC03A}" dt="2021-04-12T11:45:59.077" v="742" actId="478"/>
            <ac:spMkLst>
              <pc:docMk/>
              <pc:sldMasterMk cId="750743933" sldId="2147483648"/>
              <pc:sldLayoutMk cId="2171981857" sldId="2147483749"/>
              <ac:spMk id="5" creationId="{04904180-C847-4FC0-9759-1956EECC4080}"/>
            </ac:spMkLst>
          </pc:spChg>
          <pc:spChg chg="del">
            <ac:chgData name="Jonas Bratseth" userId="7880613d-1198-4bca-afa6-2725a9958330" providerId="ADAL" clId="{FF08786F-35DD-4FA5-91F3-FF8315EFC03A}" dt="2021-04-12T11:27:29.438" v="642" actId="478"/>
            <ac:spMkLst>
              <pc:docMk/>
              <pc:sldMasterMk cId="750743933" sldId="2147483648"/>
              <pc:sldLayoutMk cId="2171981857" sldId="2147483749"/>
              <ac:spMk id="6" creationId="{2B1AC3E8-DC3F-4CE5-B272-5921EFCB66D6}"/>
            </ac:spMkLst>
          </pc:spChg>
          <pc:spChg chg="mod">
            <ac:chgData name="Jonas Bratseth" userId="7880613d-1198-4bca-afa6-2725a9958330" providerId="ADAL" clId="{FF08786F-35DD-4FA5-91F3-FF8315EFC03A}" dt="2021-04-12T11:27:46.177" v="708" actId="3064"/>
            <ac:spMkLst>
              <pc:docMk/>
              <pc:sldMasterMk cId="750743933" sldId="2147483648"/>
              <pc:sldLayoutMk cId="2171981857" sldId="2147483749"/>
              <ac:spMk id="8" creationId="{B2115B63-85A5-424E-8342-6645D629D5D7}"/>
            </ac:spMkLst>
          </pc:spChg>
          <pc:spChg chg="mod">
            <ac:chgData name="Jonas Bratseth" userId="7880613d-1198-4bca-afa6-2725a9958330" providerId="ADAL" clId="{FF08786F-35DD-4FA5-91F3-FF8315EFC03A}" dt="2021-04-12T11:28:05.272" v="710" actId="14100"/>
            <ac:spMkLst>
              <pc:docMk/>
              <pc:sldMasterMk cId="750743933" sldId="2147483648"/>
              <pc:sldLayoutMk cId="2171981857" sldId="2147483749"/>
              <ac:spMk id="16" creationId="{C3EFE82E-AFA9-4392-A98D-D7E91F50D3AD}"/>
            </ac:spMkLst>
          </pc:spChg>
          <pc:spChg chg="mod">
            <ac:chgData name="Jonas Bratseth" userId="7880613d-1198-4bca-afa6-2725a9958330" providerId="ADAL" clId="{FF08786F-35DD-4FA5-91F3-FF8315EFC03A}" dt="2021-04-12T11:28:00.598" v="709" actId="3064"/>
            <ac:spMkLst>
              <pc:docMk/>
              <pc:sldMasterMk cId="750743933" sldId="2147483648"/>
              <pc:sldLayoutMk cId="2171981857" sldId="2147483749"/>
              <ac:spMk id="33" creationId="{E07438C8-A866-46E1-83D8-57B8568CBD53}"/>
            </ac:spMkLst>
          </pc:spChg>
          <pc:spChg chg="mod">
            <ac:chgData name="Jonas Bratseth" userId="7880613d-1198-4bca-afa6-2725a9958330" providerId="ADAL" clId="{FF08786F-35DD-4FA5-91F3-FF8315EFC03A}" dt="2021-04-12T11:28:11.258" v="718"/>
            <ac:spMkLst>
              <pc:docMk/>
              <pc:sldMasterMk cId="750743933" sldId="2147483648"/>
              <pc:sldLayoutMk cId="2171981857" sldId="2147483749"/>
              <ac:spMk id="35" creationId="{67B5BB42-EBC1-4D9B-957E-57865842A511}"/>
            </ac:spMkLst>
          </pc:spChg>
          <pc:spChg chg="del">
            <ac:chgData name="Jonas Bratseth" userId="7880613d-1198-4bca-afa6-2725a9958330" providerId="ADAL" clId="{FF08786F-35DD-4FA5-91F3-FF8315EFC03A}" dt="2021-04-12T11:27:30.087" v="643" actId="478"/>
            <ac:spMkLst>
              <pc:docMk/>
              <pc:sldMasterMk cId="750743933" sldId="2147483648"/>
              <pc:sldLayoutMk cId="2171981857" sldId="2147483749"/>
              <ac:spMk id="39" creationId="{0F10CBC3-6807-4D3C-8B23-0028D9CF8608}"/>
            </ac:spMkLst>
          </pc:spChg>
          <pc:spChg chg="mod">
            <ac:chgData name="Jonas Bratseth" userId="7880613d-1198-4bca-afa6-2725a9958330" providerId="ADAL" clId="{FF08786F-35DD-4FA5-91F3-FF8315EFC03A}" dt="2021-04-12T11:28:00.598" v="709" actId="3064"/>
            <ac:spMkLst>
              <pc:docMk/>
              <pc:sldMasterMk cId="750743933" sldId="2147483648"/>
              <pc:sldLayoutMk cId="2171981857" sldId="2147483749"/>
              <ac:spMk id="45" creationId="{2FA69E3C-7E3D-45A8-92CC-0988924A2E86}"/>
            </ac:spMkLst>
          </pc:spChg>
          <pc:spChg chg="mod">
            <ac:chgData name="Jonas Bratseth" userId="7880613d-1198-4bca-afa6-2725a9958330" providerId="ADAL" clId="{FF08786F-35DD-4FA5-91F3-FF8315EFC03A}" dt="2021-04-12T11:28:11.259" v="720"/>
            <ac:spMkLst>
              <pc:docMk/>
              <pc:sldMasterMk cId="750743933" sldId="2147483648"/>
              <pc:sldLayoutMk cId="2171981857" sldId="2147483749"/>
              <ac:spMk id="47" creationId="{DACA3139-8734-4F03-B7AE-06497028D8C4}"/>
            </ac:spMkLst>
          </pc:spChg>
          <pc:spChg chg="del">
            <ac:chgData name="Jonas Bratseth" userId="7880613d-1198-4bca-afa6-2725a9958330" providerId="ADAL" clId="{FF08786F-35DD-4FA5-91F3-FF8315EFC03A}" dt="2021-04-12T11:27:30.501" v="644" actId="478"/>
            <ac:spMkLst>
              <pc:docMk/>
              <pc:sldMasterMk cId="750743933" sldId="2147483648"/>
              <pc:sldLayoutMk cId="2171981857" sldId="2147483749"/>
              <ac:spMk id="48" creationId="{B501B0E5-0DFC-4286-9E8B-15E393E37480}"/>
            </ac:spMkLst>
          </pc:spChg>
          <pc:spChg chg="mod">
            <ac:chgData name="Jonas Bratseth" userId="7880613d-1198-4bca-afa6-2725a9958330" providerId="ADAL" clId="{FF08786F-35DD-4FA5-91F3-FF8315EFC03A}" dt="2021-04-12T11:28:00.598" v="709" actId="3064"/>
            <ac:spMkLst>
              <pc:docMk/>
              <pc:sldMasterMk cId="750743933" sldId="2147483648"/>
              <pc:sldLayoutMk cId="2171981857" sldId="2147483749"/>
              <ac:spMk id="50" creationId="{A5A52AAA-CB54-4150-A3ED-F5BB9358E630}"/>
            </ac:spMkLst>
          </pc:spChg>
          <pc:spChg chg="mod">
            <ac:chgData name="Jonas Bratseth" userId="7880613d-1198-4bca-afa6-2725a9958330" providerId="ADAL" clId="{FF08786F-35DD-4FA5-91F3-FF8315EFC03A}" dt="2021-04-12T11:28:11.259" v="722"/>
            <ac:spMkLst>
              <pc:docMk/>
              <pc:sldMasterMk cId="750743933" sldId="2147483648"/>
              <pc:sldLayoutMk cId="2171981857" sldId="2147483749"/>
              <ac:spMk id="51" creationId="{9B87CD94-7A09-4FBF-8581-99B20B7C8576}"/>
            </ac:spMkLst>
          </pc:spChg>
          <pc:spChg chg="del">
            <ac:chgData name="Jonas Bratseth" userId="7880613d-1198-4bca-afa6-2725a9958330" providerId="ADAL" clId="{FF08786F-35DD-4FA5-91F3-FF8315EFC03A}" dt="2021-04-12T11:27:31.077" v="645" actId="478"/>
            <ac:spMkLst>
              <pc:docMk/>
              <pc:sldMasterMk cId="750743933" sldId="2147483648"/>
              <pc:sldLayoutMk cId="2171981857" sldId="2147483749"/>
              <ac:spMk id="52" creationId="{2B934ECD-A752-45ED-BD72-370981CDAA93}"/>
            </ac:spMkLst>
          </pc:spChg>
        </pc:sldLayoutChg>
      </pc:sldMasterChg>
      <pc:sldMasterChg chg="modSp delSldLayout modSldLayout">
        <pc:chgData name="Jonas Bratseth" userId="7880613d-1198-4bca-afa6-2725a9958330" providerId="ADAL" clId="{FF08786F-35DD-4FA5-91F3-FF8315EFC03A}" dt="2021-04-28T09:14:55.826" v="1352" actId="2696"/>
        <pc:sldMasterMkLst>
          <pc:docMk/>
          <pc:sldMasterMk cId="4013363400" sldId="2147483662"/>
        </pc:sldMasterMkLst>
        <pc:spChg chg="mod">
          <ac:chgData name="Jonas Bratseth" userId="7880613d-1198-4bca-afa6-2725a9958330" providerId="ADAL" clId="{FF08786F-35DD-4FA5-91F3-FF8315EFC03A}" dt="2021-04-14T07:05:39.611" v="899" actId="12"/>
          <ac:spMkLst>
            <pc:docMk/>
            <pc:sldMasterMk cId="4013363400" sldId="2147483662"/>
            <ac:spMk id="8" creationId="{0A070B88-1D4D-44C9-AC83-BD74551FEA5B}"/>
          </ac:spMkLst>
        </pc:spChg>
        <pc:sldLayoutChg chg="addSp delSp modSp mod">
          <pc:chgData name="Jonas Bratseth" userId="7880613d-1198-4bca-afa6-2725a9958330" providerId="ADAL" clId="{FF08786F-35DD-4FA5-91F3-FF8315EFC03A}" dt="2021-04-28T09:10:46.023" v="1346" actId="478"/>
          <pc:sldLayoutMkLst>
            <pc:docMk/>
            <pc:sldMasterMk cId="4013363400" sldId="2147483662"/>
            <pc:sldLayoutMk cId="1404883753" sldId="2147483663"/>
          </pc:sldLayoutMkLst>
          <pc:spChg chg="del">
            <ac:chgData name="Jonas Bratseth" userId="7880613d-1198-4bca-afa6-2725a9958330" providerId="ADAL" clId="{FF08786F-35DD-4FA5-91F3-FF8315EFC03A}" dt="2021-04-28T09:10:46.023" v="1346" actId="478"/>
            <ac:spMkLst>
              <pc:docMk/>
              <pc:sldMasterMk cId="4013363400" sldId="2147483662"/>
              <pc:sldLayoutMk cId="1404883753" sldId="2147483663"/>
              <ac:spMk id="10" creationId="{BA9FE935-F199-41D7-871A-24EC1D9C5AD9}"/>
            </ac:spMkLst>
          </pc:spChg>
          <pc:spChg chg="add del mod">
            <ac:chgData name="Jonas Bratseth" userId="7880613d-1198-4bca-afa6-2725a9958330" providerId="ADAL" clId="{FF08786F-35DD-4FA5-91F3-FF8315EFC03A}" dt="2021-04-14T06:57:43.117" v="878" actId="478"/>
            <ac:spMkLst>
              <pc:docMk/>
              <pc:sldMasterMk cId="4013363400" sldId="2147483662"/>
              <pc:sldLayoutMk cId="1404883753" sldId="2147483663"/>
              <ac:spMk id="11" creationId="{64288D7D-1C54-4FDF-92BA-A4868EA3F255}"/>
            </ac:spMkLst>
          </pc:spChg>
          <pc:spChg chg="add del mod">
            <ac:chgData name="Jonas Bratseth" userId="7880613d-1198-4bca-afa6-2725a9958330" providerId="ADAL" clId="{FF08786F-35DD-4FA5-91F3-FF8315EFC03A}" dt="2021-04-23T11:40:03.304" v="1056" actId="478"/>
            <ac:spMkLst>
              <pc:docMk/>
              <pc:sldMasterMk cId="4013363400" sldId="2147483662"/>
              <pc:sldLayoutMk cId="1404883753" sldId="2147483663"/>
              <ac:spMk id="11" creationId="{FF5E14DC-5BA1-4DC2-AA83-B1E3720AFFBD}"/>
            </ac:spMkLst>
          </pc:spChg>
          <pc:spChg chg="del">
            <ac:chgData name="Jonas Bratseth" userId="7880613d-1198-4bca-afa6-2725a9958330" providerId="ADAL" clId="{FF08786F-35DD-4FA5-91F3-FF8315EFC03A}" dt="2021-04-14T06:54:31.065" v="861" actId="478"/>
            <ac:spMkLst>
              <pc:docMk/>
              <pc:sldMasterMk cId="4013363400" sldId="2147483662"/>
              <pc:sldLayoutMk cId="1404883753" sldId="2147483663"/>
              <ac:spMk id="12" creationId="{C4136857-8A04-412B-B6B5-632FD407B032}"/>
            </ac:spMkLst>
          </pc:spChg>
          <pc:spChg chg="del">
            <ac:chgData name="Jonas Bratseth" userId="7880613d-1198-4bca-afa6-2725a9958330" providerId="ADAL" clId="{FF08786F-35DD-4FA5-91F3-FF8315EFC03A}" dt="2021-04-14T06:54:32.509" v="862" actId="478"/>
            <ac:spMkLst>
              <pc:docMk/>
              <pc:sldMasterMk cId="4013363400" sldId="2147483662"/>
              <pc:sldLayoutMk cId="1404883753" sldId="2147483663"/>
              <ac:spMk id="13" creationId="{8EDF94FC-487E-4582-A68F-1CE82F069903}"/>
            </ac:spMkLst>
          </pc:spChg>
          <pc:spChg chg="add del mod">
            <ac:chgData name="Jonas Bratseth" userId="7880613d-1198-4bca-afa6-2725a9958330" providerId="ADAL" clId="{FF08786F-35DD-4FA5-91F3-FF8315EFC03A}" dt="2021-04-14T06:57:44.859" v="879" actId="478"/>
            <ac:spMkLst>
              <pc:docMk/>
              <pc:sldMasterMk cId="4013363400" sldId="2147483662"/>
              <pc:sldLayoutMk cId="1404883753" sldId="2147483663"/>
              <ac:spMk id="14" creationId="{A4D02729-57FD-48F1-9686-7A7F98C85204}"/>
            </ac:spMkLst>
          </pc:spChg>
          <pc:spChg chg="add del mod">
            <ac:chgData name="Jonas Bratseth" userId="7880613d-1198-4bca-afa6-2725a9958330" providerId="ADAL" clId="{FF08786F-35DD-4FA5-91F3-FF8315EFC03A}" dt="2021-04-14T06:57:45.889" v="880" actId="478"/>
            <ac:spMkLst>
              <pc:docMk/>
              <pc:sldMasterMk cId="4013363400" sldId="2147483662"/>
              <pc:sldLayoutMk cId="1404883753" sldId="2147483663"/>
              <ac:spMk id="15" creationId="{E72C4DB5-D577-4DB5-B001-C93910A7B152}"/>
            </ac:spMkLst>
          </pc:spChg>
          <pc:spChg chg="add mod">
            <ac:chgData name="Jonas Bratseth" userId="7880613d-1198-4bca-afa6-2725a9958330" providerId="ADAL" clId="{FF08786F-35DD-4FA5-91F3-FF8315EFC03A}" dt="2021-04-14T06:57:46.750" v="881"/>
            <ac:spMkLst>
              <pc:docMk/>
              <pc:sldMasterMk cId="4013363400" sldId="2147483662"/>
              <pc:sldLayoutMk cId="1404883753" sldId="2147483663"/>
              <ac:spMk id="16" creationId="{6A8768F7-4F61-452F-97F4-CD044C0D0A81}"/>
            </ac:spMkLst>
          </pc:spChg>
          <pc:spChg chg="add mod">
            <ac:chgData name="Jonas Bratseth" userId="7880613d-1198-4bca-afa6-2725a9958330" providerId="ADAL" clId="{FF08786F-35DD-4FA5-91F3-FF8315EFC03A}" dt="2021-04-14T06:57:46.750" v="881"/>
            <ac:spMkLst>
              <pc:docMk/>
              <pc:sldMasterMk cId="4013363400" sldId="2147483662"/>
              <pc:sldLayoutMk cId="1404883753" sldId="2147483663"/>
              <ac:spMk id="17" creationId="{EE680BC7-0AE6-49D6-858B-724F45AAF5CC}"/>
            </ac:spMkLst>
          </pc:spChg>
        </pc:sldLayoutChg>
        <pc:sldLayoutChg chg="addSp delSp modSp mod">
          <pc:chgData name="Jonas Bratseth" userId="7880613d-1198-4bca-afa6-2725a9958330" providerId="ADAL" clId="{FF08786F-35DD-4FA5-91F3-FF8315EFC03A}" dt="2021-04-14T06:55:56.726" v="866"/>
          <pc:sldLayoutMkLst>
            <pc:docMk/>
            <pc:sldMasterMk cId="4013363400" sldId="2147483662"/>
            <pc:sldLayoutMk cId="1287977263" sldId="2147483664"/>
          </pc:sldLayoutMkLst>
          <pc:spChg chg="del">
            <ac:chgData name="Jonas Bratseth" userId="7880613d-1198-4bca-afa6-2725a9958330" providerId="ADAL" clId="{FF08786F-35DD-4FA5-91F3-FF8315EFC03A}" dt="2021-04-14T06:55:53.776" v="864" actId="478"/>
            <ac:spMkLst>
              <pc:docMk/>
              <pc:sldMasterMk cId="4013363400" sldId="2147483662"/>
              <pc:sldLayoutMk cId="1287977263" sldId="2147483664"/>
              <ac:spMk id="2" creationId="{A1E49F8F-D418-4FBA-825E-A63F2DDD8F1E}"/>
            </ac:spMkLst>
          </pc:spChg>
          <pc:spChg chg="del">
            <ac:chgData name="Jonas Bratseth" userId="7880613d-1198-4bca-afa6-2725a9958330" providerId="ADAL" clId="{FF08786F-35DD-4FA5-91F3-FF8315EFC03A}" dt="2021-04-14T06:55:55.920" v="865" actId="478"/>
            <ac:spMkLst>
              <pc:docMk/>
              <pc:sldMasterMk cId="4013363400" sldId="2147483662"/>
              <pc:sldLayoutMk cId="1287977263" sldId="2147483664"/>
              <ac:spMk id="3" creationId="{8637D6E0-F061-4BBC-8DBC-562373D266A8}"/>
            </ac:spMkLst>
          </pc:spChg>
          <pc:spChg chg="add mod">
            <ac:chgData name="Jonas Bratseth" userId="7880613d-1198-4bca-afa6-2725a9958330" providerId="ADAL" clId="{FF08786F-35DD-4FA5-91F3-FF8315EFC03A}" dt="2021-04-14T06:55:56.726" v="866"/>
            <ac:spMkLst>
              <pc:docMk/>
              <pc:sldMasterMk cId="4013363400" sldId="2147483662"/>
              <pc:sldLayoutMk cId="1287977263" sldId="2147483664"/>
              <ac:spMk id="9" creationId="{ED734173-A9DF-4717-B0CC-3C74C1FDD3F0}"/>
            </ac:spMkLst>
          </pc:spChg>
          <pc:spChg chg="add mod">
            <ac:chgData name="Jonas Bratseth" userId="7880613d-1198-4bca-afa6-2725a9958330" providerId="ADAL" clId="{FF08786F-35DD-4FA5-91F3-FF8315EFC03A}" dt="2021-04-14T06:55:56.726" v="866"/>
            <ac:spMkLst>
              <pc:docMk/>
              <pc:sldMasterMk cId="4013363400" sldId="2147483662"/>
              <pc:sldLayoutMk cId="1287977263" sldId="2147483664"/>
              <ac:spMk id="10" creationId="{B800CB92-A772-4828-9BC6-19018BF2A013}"/>
            </ac:spMkLst>
          </pc:spChg>
          <pc:spChg chg="add mod">
            <ac:chgData name="Jonas Bratseth" userId="7880613d-1198-4bca-afa6-2725a9958330" providerId="ADAL" clId="{FF08786F-35DD-4FA5-91F3-FF8315EFC03A}" dt="2021-04-14T06:55:56.726" v="866"/>
            <ac:spMkLst>
              <pc:docMk/>
              <pc:sldMasterMk cId="4013363400" sldId="2147483662"/>
              <pc:sldLayoutMk cId="1287977263" sldId="2147483664"/>
              <ac:spMk id="11" creationId="{A99B8A2E-FE6B-40DC-8F5F-468642CA5E03}"/>
            </ac:spMkLst>
          </pc:spChg>
        </pc:sldLayoutChg>
        <pc:sldLayoutChg chg="addSp delSp modSp mod">
          <pc:chgData name="Jonas Bratseth" userId="7880613d-1198-4bca-afa6-2725a9958330" providerId="ADAL" clId="{FF08786F-35DD-4FA5-91F3-FF8315EFC03A}" dt="2021-04-26T06:12:21.477" v="1299" actId="167"/>
          <pc:sldLayoutMkLst>
            <pc:docMk/>
            <pc:sldMasterMk cId="4013363400" sldId="2147483662"/>
            <pc:sldLayoutMk cId="2141365888" sldId="2147483665"/>
          </pc:sldLayoutMkLst>
          <pc:spChg chg="add mod ord">
            <ac:chgData name="Jonas Bratseth" userId="7880613d-1198-4bca-afa6-2725a9958330" providerId="ADAL" clId="{FF08786F-35DD-4FA5-91F3-FF8315EFC03A}" dt="2021-04-26T06:12:21.477" v="1299" actId="167"/>
            <ac:spMkLst>
              <pc:docMk/>
              <pc:sldMasterMk cId="4013363400" sldId="2147483662"/>
              <pc:sldLayoutMk cId="2141365888" sldId="2147483665"/>
              <ac:spMk id="8" creationId="{C33E9E45-6CEA-4092-8861-897D476EFECA}"/>
            </ac:spMkLst>
          </pc:spChg>
          <pc:spChg chg="add del mod">
            <ac:chgData name="Jonas Bratseth" userId="7880613d-1198-4bca-afa6-2725a9958330" providerId="ADAL" clId="{FF08786F-35DD-4FA5-91F3-FF8315EFC03A}" dt="2021-04-23T11:45:53.451" v="1154" actId="478"/>
            <ac:spMkLst>
              <pc:docMk/>
              <pc:sldMasterMk cId="4013363400" sldId="2147483662"/>
              <pc:sldLayoutMk cId="2141365888" sldId="2147483665"/>
              <ac:spMk id="8" creationId="{F65D9FFE-86C1-42FE-93B4-2DA591B839E7}"/>
            </ac:spMkLst>
          </pc:spChg>
          <pc:spChg chg="add del mod ord">
            <ac:chgData name="Jonas Bratseth" userId="7880613d-1198-4bca-afa6-2725a9958330" providerId="ADAL" clId="{FF08786F-35DD-4FA5-91F3-FF8315EFC03A}" dt="2021-04-26T06:12:18.276" v="1297" actId="478"/>
            <ac:spMkLst>
              <pc:docMk/>
              <pc:sldMasterMk cId="4013363400" sldId="2147483662"/>
              <pc:sldLayoutMk cId="2141365888" sldId="2147483665"/>
              <ac:spMk id="10" creationId="{61D0B775-393D-4709-9A3C-13DA156AD4C6}"/>
            </ac:spMkLst>
          </pc:spChg>
          <pc:spChg chg="del">
            <ac:chgData name="Jonas Bratseth" userId="7880613d-1198-4bca-afa6-2725a9958330" providerId="ADAL" clId="{FF08786F-35DD-4FA5-91F3-FF8315EFC03A}" dt="2021-04-23T11:45:50.552" v="1152" actId="478"/>
            <ac:spMkLst>
              <pc:docMk/>
              <pc:sldMasterMk cId="4013363400" sldId="2147483662"/>
              <pc:sldLayoutMk cId="2141365888" sldId="2147483665"/>
              <ac:spMk id="11" creationId="{AE3C12E5-2F4F-4D23-91A9-A0907C2B0531}"/>
            </ac:spMkLst>
          </pc:spChg>
        </pc:sldLayoutChg>
        <pc:sldLayoutChg chg="del">
          <pc:chgData name="Jonas Bratseth" userId="7880613d-1198-4bca-afa6-2725a9958330" providerId="ADAL" clId="{FF08786F-35DD-4FA5-91F3-FF8315EFC03A}" dt="2021-04-28T09:14:55.826" v="1352" actId="2696"/>
          <pc:sldLayoutMkLst>
            <pc:docMk/>
            <pc:sldMasterMk cId="4013363400" sldId="2147483662"/>
            <pc:sldLayoutMk cId="3319619699" sldId="2147483667"/>
          </pc:sldLayoutMkLst>
        </pc:sldLayoutChg>
        <pc:sldLayoutChg chg="addSp delSp modSp mod">
          <pc:chgData name="Jonas Bratseth" userId="7880613d-1198-4bca-afa6-2725a9958330" providerId="ADAL" clId="{FF08786F-35DD-4FA5-91F3-FF8315EFC03A}" dt="2021-04-23T11:45:45.661" v="1151" actId="167"/>
          <pc:sldLayoutMkLst>
            <pc:docMk/>
            <pc:sldMasterMk cId="4013363400" sldId="2147483662"/>
            <pc:sldLayoutMk cId="985400397" sldId="2147483671"/>
          </pc:sldLayoutMkLst>
          <pc:spChg chg="add mod ord">
            <ac:chgData name="Jonas Bratseth" userId="7880613d-1198-4bca-afa6-2725a9958330" providerId="ADAL" clId="{FF08786F-35DD-4FA5-91F3-FF8315EFC03A}" dt="2021-04-23T11:45:45.661" v="1151" actId="167"/>
            <ac:spMkLst>
              <pc:docMk/>
              <pc:sldMasterMk cId="4013363400" sldId="2147483662"/>
              <pc:sldLayoutMk cId="985400397" sldId="2147483671"/>
              <ac:spMk id="7" creationId="{7E53C3F6-D88E-487C-B6DF-BA84D3CDBE6E}"/>
            </ac:spMkLst>
          </pc:spChg>
          <pc:spChg chg="del">
            <ac:chgData name="Jonas Bratseth" userId="7880613d-1198-4bca-afa6-2725a9958330" providerId="ADAL" clId="{FF08786F-35DD-4FA5-91F3-FF8315EFC03A}" dt="2021-04-23T11:45:39.810" v="1148" actId="478"/>
            <ac:spMkLst>
              <pc:docMk/>
              <pc:sldMasterMk cId="4013363400" sldId="2147483662"/>
              <pc:sldLayoutMk cId="985400397" sldId="2147483671"/>
              <ac:spMk id="11" creationId="{AE3C12E5-2F4F-4D23-91A9-A0907C2B0531}"/>
            </ac:spMkLst>
          </pc:spChg>
        </pc:sldLayoutChg>
        <pc:sldLayoutChg chg="addSp delSp modSp mod">
          <pc:chgData name="Jonas Bratseth" userId="7880613d-1198-4bca-afa6-2725a9958330" providerId="ADAL" clId="{FF08786F-35DD-4FA5-91F3-FF8315EFC03A}" dt="2021-04-14T06:56:02.070" v="869"/>
          <pc:sldLayoutMkLst>
            <pc:docMk/>
            <pc:sldMasterMk cId="4013363400" sldId="2147483662"/>
            <pc:sldLayoutMk cId="3345920740" sldId="2147483689"/>
          </pc:sldLayoutMkLst>
          <pc:spChg chg="del">
            <ac:chgData name="Jonas Bratseth" userId="7880613d-1198-4bca-afa6-2725a9958330" providerId="ADAL" clId="{FF08786F-35DD-4FA5-91F3-FF8315EFC03A}" dt="2021-04-14T06:56:00.133" v="867" actId="478"/>
            <ac:spMkLst>
              <pc:docMk/>
              <pc:sldMasterMk cId="4013363400" sldId="2147483662"/>
              <pc:sldLayoutMk cId="3345920740" sldId="2147483689"/>
              <ac:spMk id="2" creationId="{A1E49F8F-D418-4FBA-825E-A63F2DDD8F1E}"/>
            </ac:spMkLst>
          </pc:spChg>
          <pc:spChg chg="del">
            <ac:chgData name="Jonas Bratseth" userId="7880613d-1198-4bca-afa6-2725a9958330" providerId="ADAL" clId="{FF08786F-35DD-4FA5-91F3-FF8315EFC03A}" dt="2021-04-14T06:56:01.123" v="868" actId="478"/>
            <ac:spMkLst>
              <pc:docMk/>
              <pc:sldMasterMk cId="4013363400" sldId="2147483662"/>
              <pc:sldLayoutMk cId="3345920740" sldId="2147483689"/>
              <ac:spMk id="3" creationId="{8637D6E0-F061-4BBC-8DBC-562373D266A8}"/>
            </ac:spMkLst>
          </pc:spChg>
          <pc:spChg chg="add mod">
            <ac:chgData name="Jonas Bratseth" userId="7880613d-1198-4bca-afa6-2725a9958330" providerId="ADAL" clId="{FF08786F-35DD-4FA5-91F3-FF8315EFC03A}" dt="2021-04-14T06:56:02.070" v="869"/>
            <ac:spMkLst>
              <pc:docMk/>
              <pc:sldMasterMk cId="4013363400" sldId="2147483662"/>
              <pc:sldLayoutMk cId="3345920740" sldId="2147483689"/>
              <ac:spMk id="8" creationId="{E59E71D6-A296-45FF-BE39-C58F62C9ADDD}"/>
            </ac:spMkLst>
          </pc:spChg>
          <pc:spChg chg="add mod">
            <ac:chgData name="Jonas Bratseth" userId="7880613d-1198-4bca-afa6-2725a9958330" providerId="ADAL" clId="{FF08786F-35DD-4FA5-91F3-FF8315EFC03A}" dt="2021-04-14T06:56:02.070" v="869"/>
            <ac:spMkLst>
              <pc:docMk/>
              <pc:sldMasterMk cId="4013363400" sldId="2147483662"/>
              <pc:sldLayoutMk cId="3345920740" sldId="2147483689"/>
              <ac:spMk id="9" creationId="{FBCC5FB7-980F-4EEB-91C3-6E9E337ECE0B}"/>
            </ac:spMkLst>
          </pc:spChg>
          <pc:spChg chg="add mod">
            <ac:chgData name="Jonas Bratseth" userId="7880613d-1198-4bca-afa6-2725a9958330" providerId="ADAL" clId="{FF08786F-35DD-4FA5-91F3-FF8315EFC03A}" dt="2021-04-14T06:56:02.070" v="869"/>
            <ac:spMkLst>
              <pc:docMk/>
              <pc:sldMasterMk cId="4013363400" sldId="2147483662"/>
              <pc:sldLayoutMk cId="3345920740" sldId="2147483689"/>
              <ac:spMk id="10" creationId="{1D69B032-6E02-47D0-BA7F-1D887A285A3D}"/>
            </ac:spMkLst>
          </pc:spChg>
        </pc:sldLayoutChg>
        <pc:sldLayoutChg chg="addSp delSp modSp mod">
          <pc:chgData name="Jonas Bratseth" userId="7880613d-1198-4bca-afa6-2725a9958330" providerId="ADAL" clId="{FF08786F-35DD-4FA5-91F3-FF8315EFC03A}" dt="2021-04-23T11:46:10.888" v="1165" actId="167"/>
          <pc:sldLayoutMkLst>
            <pc:docMk/>
            <pc:sldMasterMk cId="4013363400" sldId="2147483662"/>
            <pc:sldLayoutMk cId="486590668" sldId="2147483693"/>
          </pc:sldLayoutMkLst>
          <pc:spChg chg="del">
            <ac:chgData name="Jonas Bratseth" userId="7880613d-1198-4bca-afa6-2725a9958330" providerId="ADAL" clId="{FF08786F-35DD-4FA5-91F3-FF8315EFC03A}" dt="2021-04-23T11:46:08.362" v="1163" actId="478"/>
            <ac:spMkLst>
              <pc:docMk/>
              <pc:sldMasterMk cId="4013363400" sldId="2147483662"/>
              <pc:sldLayoutMk cId="486590668" sldId="2147483693"/>
              <ac:spMk id="12" creationId="{47F12CFE-0C26-485F-80F4-13F403161141}"/>
            </ac:spMkLst>
          </pc:spChg>
          <pc:spChg chg="add mod ord">
            <ac:chgData name="Jonas Bratseth" userId="7880613d-1198-4bca-afa6-2725a9958330" providerId="ADAL" clId="{FF08786F-35DD-4FA5-91F3-FF8315EFC03A}" dt="2021-04-23T11:46:10.888" v="1165" actId="167"/>
            <ac:spMkLst>
              <pc:docMk/>
              <pc:sldMasterMk cId="4013363400" sldId="2147483662"/>
              <pc:sldLayoutMk cId="486590668" sldId="2147483693"/>
              <ac:spMk id="13" creationId="{E91243C8-094D-4661-BCD1-18F08E1D0EB4}"/>
            </ac:spMkLst>
          </pc:spChg>
        </pc:sldLayoutChg>
        <pc:sldLayoutChg chg="addSp delSp modSp mod">
          <pc:chgData name="Jonas Bratseth" userId="7880613d-1198-4bca-afa6-2725a9958330" providerId="ADAL" clId="{FF08786F-35DD-4FA5-91F3-FF8315EFC03A}" dt="2021-04-23T11:46:59.288" v="1192" actId="167"/>
          <pc:sldLayoutMkLst>
            <pc:docMk/>
            <pc:sldMasterMk cId="4013363400" sldId="2147483662"/>
            <pc:sldLayoutMk cId="1642234893" sldId="2147483699"/>
          </pc:sldLayoutMkLst>
          <pc:spChg chg="mod">
            <ac:chgData name="Jonas Bratseth" userId="7880613d-1198-4bca-afa6-2725a9958330" providerId="ADAL" clId="{FF08786F-35DD-4FA5-91F3-FF8315EFC03A}" dt="2021-04-23T11:46:54.156" v="1188" actId="1076"/>
            <ac:spMkLst>
              <pc:docMk/>
              <pc:sldMasterMk cId="4013363400" sldId="2147483662"/>
              <pc:sldLayoutMk cId="1642234893" sldId="2147483699"/>
              <ac:spMk id="2" creationId="{9D8C0CC4-FF8D-4840-9F6A-DCCFD694CE44}"/>
            </ac:spMkLst>
          </pc:spChg>
          <pc:spChg chg="del">
            <ac:chgData name="Jonas Bratseth" userId="7880613d-1198-4bca-afa6-2725a9958330" providerId="ADAL" clId="{FF08786F-35DD-4FA5-91F3-FF8315EFC03A}" dt="2021-04-23T11:46:50.312" v="1184" actId="478"/>
            <ac:spMkLst>
              <pc:docMk/>
              <pc:sldMasterMk cId="4013363400" sldId="2147483662"/>
              <pc:sldLayoutMk cId="1642234893" sldId="2147483699"/>
              <ac:spMk id="4" creationId="{5511272A-7492-4B8C-A913-E3689317DDA0}"/>
            </ac:spMkLst>
          </pc:spChg>
          <pc:spChg chg="add del mod ord">
            <ac:chgData name="Jonas Bratseth" userId="7880613d-1198-4bca-afa6-2725a9958330" providerId="ADAL" clId="{FF08786F-35DD-4FA5-91F3-FF8315EFC03A}" dt="2021-04-23T11:46:59.288" v="1192" actId="167"/>
            <ac:spMkLst>
              <pc:docMk/>
              <pc:sldMasterMk cId="4013363400" sldId="2147483662"/>
              <pc:sldLayoutMk cId="1642234893" sldId="2147483699"/>
              <ac:spMk id="8" creationId="{79F137A5-05F5-4495-B701-182330FAFA39}"/>
            </ac:spMkLst>
          </pc:spChg>
        </pc:sldLayoutChg>
        <pc:sldLayoutChg chg="addSp delSp modSp mod">
          <pc:chgData name="Jonas Bratseth" userId="7880613d-1198-4bca-afa6-2725a9958330" providerId="ADAL" clId="{FF08786F-35DD-4FA5-91F3-FF8315EFC03A}" dt="2021-04-23T11:46:14.840" v="1168" actId="167"/>
          <pc:sldLayoutMkLst>
            <pc:docMk/>
            <pc:sldMasterMk cId="4013363400" sldId="2147483662"/>
            <pc:sldLayoutMk cId="2432129226" sldId="2147483719"/>
          </pc:sldLayoutMkLst>
          <pc:spChg chg="add mod ord">
            <ac:chgData name="Jonas Bratseth" userId="7880613d-1198-4bca-afa6-2725a9958330" providerId="ADAL" clId="{FF08786F-35DD-4FA5-91F3-FF8315EFC03A}" dt="2021-04-23T11:46:14.840" v="1168" actId="167"/>
            <ac:spMkLst>
              <pc:docMk/>
              <pc:sldMasterMk cId="4013363400" sldId="2147483662"/>
              <pc:sldLayoutMk cId="2432129226" sldId="2147483719"/>
              <ac:spMk id="15" creationId="{4DB12D64-A689-4B60-90C3-B38151753D1E}"/>
            </ac:spMkLst>
          </pc:spChg>
          <pc:spChg chg="del">
            <ac:chgData name="Jonas Bratseth" userId="7880613d-1198-4bca-afa6-2725a9958330" providerId="ADAL" clId="{FF08786F-35DD-4FA5-91F3-FF8315EFC03A}" dt="2021-04-23T11:46:12.443" v="1166" actId="478"/>
            <ac:spMkLst>
              <pc:docMk/>
              <pc:sldMasterMk cId="4013363400" sldId="2147483662"/>
              <pc:sldLayoutMk cId="2432129226" sldId="2147483719"/>
              <ac:spMk id="18" creationId="{328975A5-8F66-4443-899F-ECAAB50FF85A}"/>
            </ac:spMkLst>
          </pc:spChg>
        </pc:sldLayoutChg>
        <pc:sldLayoutChg chg="addSp delSp modSp mod">
          <pc:chgData name="Jonas Bratseth" userId="7880613d-1198-4bca-afa6-2725a9958330" providerId="ADAL" clId="{FF08786F-35DD-4FA5-91F3-FF8315EFC03A}" dt="2021-04-23T11:46:20.866" v="1171" actId="167"/>
          <pc:sldLayoutMkLst>
            <pc:docMk/>
            <pc:sldMasterMk cId="4013363400" sldId="2147483662"/>
            <pc:sldLayoutMk cId="555026061" sldId="2147483720"/>
          </pc:sldLayoutMkLst>
          <pc:spChg chg="add mod ord">
            <ac:chgData name="Jonas Bratseth" userId="7880613d-1198-4bca-afa6-2725a9958330" providerId="ADAL" clId="{FF08786F-35DD-4FA5-91F3-FF8315EFC03A}" dt="2021-04-23T11:46:20.866" v="1171" actId="167"/>
            <ac:spMkLst>
              <pc:docMk/>
              <pc:sldMasterMk cId="4013363400" sldId="2147483662"/>
              <pc:sldLayoutMk cId="555026061" sldId="2147483720"/>
              <ac:spMk id="16" creationId="{1AF60F12-861B-46AE-AD59-6E077CD6FC5A}"/>
            </ac:spMkLst>
          </pc:spChg>
          <pc:spChg chg="del">
            <ac:chgData name="Jonas Bratseth" userId="7880613d-1198-4bca-afa6-2725a9958330" providerId="ADAL" clId="{FF08786F-35DD-4FA5-91F3-FF8315EFC03A}" dt="2021-04-23T11:46:18.316" v="1169" actId="478"/>
            <ac:spMkLst>
              <pc:docMk/>
              <pc:sldMasterMk cId="4013363400" sldId="2147483662"/>
              <pc:sldLayoutMk cId="555026061" sldId="2147483720"/>
              <ac:spMk id="20" creationId="{526315F1-9453-435E-AEA2-FA55B81D4DD5}"/>
            </ac:spMkLst>
          </pc:spChg>
        </pc:sldLayoutChg>
        <pc:sldLayoutChg chg="addSp delSp modSp mod">
          <pc:chgData name="Jonas Bratseth" userId="7880613d-1198-4bca-afa6-2725a9958330" providerId="ADAL" clId="{FF08786F-35DD-4FA5-91F3-FF8315EFC03A}" dt="2021-04-23T11:46:01.961" v="1159" actId="167"/>
          <pc:sldLayoutMkLst>
            <pc:docMk/>
            <pc:sldMasterMk cId="4013363400" sldId="2147483662"/>
            <pc:sldLayoutMk cId="2626950569" sldId="2147483733"/>
          </pc:sldLayoutMkLst>
          <pc:spChg chg="del">
            <ac:chgData name="Jonas Bratseth" userId="7880613d-1198-4bca-afa6-2725a9958330" providerId="ADAL" clId="{FF08786F-35DD-4FA5-91F3-FF8315EFC03A}" dt="2021-04-23T11:45:59.666" v="1157" actId="478"/>
            <ac:spMkLst>
              <pc:docMk/>
              <pc:sldMasterMk cId="4013363400" sldId="2147483662"/>
              <pc:sldLayoutMk cId="2626950569" sldId="2147483733"/>
              <ac:spMk id="6" creationId="{7644BE22-FE64-415A-82E1-57F426B630DE}"/>
            </ac:spMkLst>
          </pc:spChg>
          <pc:spChg chg="add mod ord">
            <ac:chgData name="Jonas Bratseth" userId="7880613d-1198-4bca-afa6-2725a9958330" providerId="ADAL" clId="{FF08786F-35DD-4FA5-91F3-FF8315EFC03A}" dt="2021-04-23T11:46:01.961" v="1159" actId="167"/>
            <ac:spMkLst>
              <pc:docMk/>
              <pc:sldMasterMk cId="4013363400" sldId="2147483662"/>
              <pc:sldLayoutMk cId="2626950569" sldId="2147483733"/>
              <ac:spMk id="10" creationId="{34BE0FA2-6731-490B-A8AE-529FD3A1287C}"/>
            </ac:spMkLst>
          </pc:spChg>
        </pc:sldLayoutChg>
        <pc:sldLayoutChg chg="addSp delSp modSp mod">
          <pc:chgData name="Jonas Bratseth" userId="7880613d-1198-4bca-afa6-2725a9958330" providerId="ADAL" clId="{FF08786F-35DD-4FA5-91F3-FF8315EFC03A}" dt="2021-04-23T11:46:06.428" v="1162" actId="167"/>
          <pc:sldLayoutMkLst>
            <pc:docMk/>
            <pc:sldMasterMk cId="4013363400" sldId="2147483662"/>
            <pc:sldLayoutMk cId="734244194" sldId="2147483734"/>
          </pc:sldLayoutMkLst>
          <pc:spChg chg="del">
            <ac:chgData name="Jonas Bratseth" userId="7880613d-1198-4bca-afa6-2725a9958330" providerId="ADAL" clId="{FF08786F-35DD-4FA5-91F3-FF8315EFC03A}" dt="2021-04-23T11:46:04.089" v="1160" actId="478"/>
            <ac:spMkLst>
              <pc:docMk/>
              <pc:sldMasterMk cId="4013363400" sldId="2147483662"/>
              <pc:sldLayoutMk cId="734244194" sldId="2147483734"/>
              <ac:spMk id="10" creationId="{7C013883-E97D-43E6-B184-0B89BF36D874}"/>
            </ac:spMkLst>
          </pc:spChg>
          <pc:spChg chg="add mod ord">
            <ac:chgData name="Jonas Bratseth" userId="7880613d-1198-4bca-afa6-2725a9958330" providerId="ADAL" clId="{FF08786F-35DD-4FA5-91F3-FF8315EFC03A}" dt="2021-04-23T11:46:06.428" v="1162" actId="167"/>
            <ac:spMkLst>
              <pc:docMk/>
              <pc:sldMasterMk cId="4013363400" sldId="2147483662"/>
              <pc:sldLayoutMk cId="734244194" sldId="2147483734"/>
              <ac:spMk id="13" creationId="{43FC889A-B218-460E-BA8D-2E419FFE9EBD}"/>
            </ac:spMkLst>
          </pc:spChg>
        </pc:sldLayoutChg>
        <pc:sldLayoutChg chg="addSp delSp modSp mod">
          <pc:chgData name="Jonas Bratseth" userId="7880613d-1198-4bca-afa6-2725a9958330" providerId="ADAL" clId="{FF08786F-35DD-4FA5-91F3-FF8315EFC03A}" dt="2021-04-23T11:46:25.385" v="1174" actId="167"/>
          <pc:sldLayoutMkLst>
            <pc:docMk/>
            <pc:sldMasterMk cId="4013363400" sldId="2147483662"/>
            <pc:sldLayoutMk cId="2919048163" sldId="2147483735"/>
          </pc:sldLayoutMkLst>
          <pc:spChg chg="del">
            <ac:chgData name="Jonas Bratseth" userId="7880613d-1198-4bca-afa6-2725a9958330" providerId="ADAL" clId="{FF08786F-35DD-4FA5-91F3-FF8315EFC03A}" dt="2021-04-23T11:46:23.094" v="1172" actId="478"/>
            <ac:spMkLst>
              <pc:docMk/>
              <pc:sldMasterMk cId="4013363400" sldId="2147483662"/>
              <pc:sldLayoutMk cId="2919048163" sldId="2147483735"/>
              <ac:spMk id="8" creationId="{DA67FE83-5DC7-4783-8255-88F8A967B2A5}"/>
            </ac:spMkLst>
          </pc:spChg>
          <pc:spChg chg="add mod ord">
            <ac:chgData name="Jonas Bratseth" userId="7880613d-1198-4bca-afa6-2725a9958330" providerId="ADAL" clId="{FF08786F-35DD-4FA5-91F3-FF8315EFC03A}" dt="2021-04-23T11:46:25.385" v="1174" actId="167"/>
            <ac:spMkLst>
              <pc:docMk/>
              <pc:sldMasterMk cId="4013363400" sldId="2147483662"/>
              <pc:sldLayoutMk cId="2919048163" sldId="2147483735"/>
              <ac:spMk id="14" creationId="{1A4CE8CD-E824-4F9A-B438-8771D59AACEB}"/>
            </ac:spMkLst>
          </pc:spChg>
        </pc:sldLayoutChg>
        <pc:sldLayoutChg chg="addSp delSp modSp mod">
          <pc:chgData name="Jonas Bratseth" userId="7880613d-1198-4bca-afa6-2725a9958330" providerId="ADAL" clId="{FF08786F-35DD-4FA5-91F3-FF8315EFC03A}" dt="2021-04-23T11:46:30.928" v="1177" actId="167"/>
          <pc:sldLayoutMkLst>
            <pc:docMk/>
            <pc:sldMasterMk cId="4013363400" sldId="2147483662"/>
            <pc:sldLayoutMk cId="2881194976" sldId="2147483736"/>
          </pc:sldLayoutMkLst>
          <pc:spChg chg="add mod ord">
            <ac:chgData name="Jonas Bratseth" userId="7880613d-1198-4bca-afa6-2725a9958330" providerId="ADAL" clId="{FF08786F-35DD-4FA5-91F3-FF8315EFC03A}" dt="2021-04-23T11:46:30.928" v="1177" actId="167"/>
            <ac:spMkLst>
              <pc:docMk/>
              <pc:sldMasterMk cId="4013363400" sldId="2147483662"/>
              <pc:sldLayoutMk cId="2881194976" sldId="2147483736"/>
              <ac:spMk id="14" creationId="{4E7909E5-F9C9-4D07-9C78-D75C7C372A36}"/>
            </ac:spMkLst>
          </pc:spChg>
          <pc:spChg chg="del">
            <ac:chgData name="Jonas Bratseth" userId="7880613d-1198-4bca-afa6-2725a9958330" providerId="ADAL" clId="{FF08786F-35DD-4FA5-91F3-FF8315EFC03A}" dt="2021-04-23T11:46:27.267" v="1175" actId="478"/>
            <ac:spMkLst>
              <pc:docMk/>
              <pc:sldMasterMk cId="4013363400" sldId="2147483662"/>
              <pc:sldLayoutMk cId="2881194976" sldId="2147483736"/>
              <ac:spMk id="18" creationId="{71F87A5E-1300-4E96-AF48-FE64EB03BE75}"/>
            </ac:spMkLst>
          </pc:spChg>
          <pc:spChg chg="mod">
            <ac:chgData name="Jonas Bratseth" userId="7880613d-1198-4bca-afa6-2725a9958330" providerId="ADAL" clId="{FF08786F-35DD-4FA5-91F3-FF8315EFC03A}" dt="2021-04-14T07:10:14.050" v="964"/>
            <ac:spMkLst>
              <pc:docMk/>
              <pc:sldMasterMk cId="4013363400" sldId="2147483662"/>
              <pc:sldLayoutMk cId="2881194976" sldId="2147483736"/>
              <ac:spMk id="25" creationId="{491A31F3-225A-4D87-ADDA-6E4F2B4414BC}"/>
            </ac:spMkLst>
          </pc:spChg>
          <pc:spChg chg="mod">
            <ac:chgData name="Jonas Bratseth" userId="7880613d-1198-4bca-afa6-2725a9958330" providerId="ADAL" clId="{FF08786F-35DD-4FA5-91F3-FF8315EFC03A}" dt="2021-04-14T07:10:14.050" v="968"/>
            <ac:spMkLst>
              <pc:docMk/>
              <pc:sldMasterMk cId="4013363400" sldId="2147483662"/>
              <pc:sldLayoutMk cId="2881194976" sldId="2147483736"/>
              <ac:spMk id="29" creationId="{39E9E977-CEA3-4EC6-B64B-8B752209210F}"/>
            </ac:spMkLst>
          </pc:spChg>
          <pc:spChg chg="mod">
            <ac:chgData name="Jonas Bratseth" userId="7880613d-1198-4bca-afa6-2725a9958330" providerId="ADAL" clId="{FF08786F-35DD-4FA5-91F3-FF8315EFC03A}" dt="2021-04-14T07:10:14.050" v="976"/>
            <ac:spMkLst>
              <pc:docMk/>
              <pc:sldMasterMk cId="4013363400" sldId="2147483662"/>
              <pc:sldLayoutMk cId="2881194976" sldId="2147483736"/>
              <ac:spMk id="31" creationId="{9A0707BB-1CE3-46AA-B7BC-5BE7AF8A6C7E}"/>
            </ac:spMkLst>
          </pc:spChg>
          <pc:spChg chg="del">
            <ac:chgData name="Jonas Bratseth" userId="7880613d-1198-4bca-afa6-2725a9958330" providerId="ADAL" clId="{FF08786F-35DD-4FA5-91F3-FF8315EFC03A}" dt="2021-04-14T07:10:08.886" v="960" actId="478"/>
            <ac:spMkLst>
              <pc:docMk/>
              <pc:sldMasterMk cId="4013363400" sldId="2147483662"/>
              <pc:sldLayoutMk cId="2881194976" sldId="2147483736"/>
              <ac:spMk id="32" creationId="{9499EFE1-8CBA-423F-8122-58E739F6751B}"/>
            </ac:spMkLst>
          </pc:spChg>
          <pc:spChg chg="del">
            <ac:chgData name="Jonas Bratseth" userId="7880613d-1198-4bca-afa6-2725a9958330" providerId="ADAL" clId="{FF08786F-35DD-4FA5-91F3-FF8315EFC03A}" dt="2021-04-14T07:10:08.886" v="960" actId="478"/>
            <ac:spMkLst>
              <pc:docMk/>
              <pc:sldMasterMk cId="4013363400" sldId="2147483662"/>
              <pc:sldLayoutMk cId="2881194976" sldId="2147483736"/>
              <ac:spMk id="34" creationId="{4663B884-1B37-4D3C-BA4C-6E4DFDC6B7E9}"/>
            </ac:spMkLst>
          </pc:spChg>
          <pc:spChg chg="mod">
            <ac:chgData name="Jonas Bratseth" userId="7880613d-1198-4bca-afa6-2725a9958330" providerId="ADAL" clId="{FF08786F-35DD-4FA5-91F3-FF8315EFC03A}" dt="2021-04-14T07:10:14.050" v="972"/>
            <ac:spMkLst>
              <pc:docMk/>
              <pc:sldMasterMk cId="4013363400" sldId="2147483662"/>
              <pc:sldLayoutMk cId="2881194976" sldId="2147483736"/>
              <ac:spMk id="35" creationId="{F561E615-F952-477F-8C9B-46657624D0D6}"/>
            </ac:spMkLst>
          </pc:spChg>
          <pc:spChg chg="del">
            <ac:chgData name="Jonas Bratseth" userId="7880613d-1198-4bca-afa6-2725a9958330" providerId="ADAL" clId="{FF08786F-35DD-4FA5-91F3-FF8315EFC03A}" dt="2021-04-14T07:10:08.886" v="960" actId="478"/>
            <ac:spMkLst>
              <pc:docMk/>
              <pc:sldMasterMk cId="4013363400" sldId="2147483662"/>
              <pc:sldLayoutMk cId="2881194976" sldId="2147483736"/>
              <ac:spMk id="36" creationId="{D5AEE4FD-CC8C-4092-AAA0-989B431A8483}"/>
            </ac:spMkLst>
          </pc:spChg>
          <pc:spChg chg="del">
            <ac:chgData name="Jonas Bratseth" userId="7880613d-1198-4bca-afa6-2725a9958330" providerId="ADAL" clId="{FF08786F-35DD-4FA5-91F3-FF8315EFC03A}" dt="2021-04-14T07:10:08.886" v="960" actId="478"/>
            <ac:spMkLst>
              <pc:docMk/>
              <pc:sldMasterMk cId="4013363400" sldId="2147483662"/>
              <pc:sldLayoutMk cId="2881194976" sldId="2147483736"/>
              <ac:spMk id="41" creationId="{D5EB240A-3766-4487-8B37-EF0F3B69118B}"/>
            </ac:spMkLst>
          </pc:spChg>
          <pc:spChg chg="del">
            <ac:chgData name="Jonas Bratseth" userId="7880613d-1198-4bca-afa6-2725a9958330" providerId="ADAL" clId="{FF08786F-35DD-4FA5-91F3-FF8315EFC03A}" dt="2021-04-14T07:10:08.886" v="960" actId="478"/>
            <ac:spMkLst>
              <pc:docMk/>
              <pc:sldMasterMk cId="4013363400" sldId="2147483662"/>
              <pc:sldLayoutMk cId="2881194976" sldId="2147483736"/>
              <ac:spMk id="42" creationId="{E7A50160-9C8F-4AEA-B2A9-645F2215554C}"/>
            </ac:spMkLst>
          </pc:spChg>
          <pc:cxnChg chg="del">
            <ac:chgData name="Jonas Bratseth" userId="7880613d-1198-4bca-afa6-2725a9958330" providerId="ADAL" clId="{FF08786F-35DD-4FA5-91F3-FF8315EFC03A}" dt="2021-04-14T07:10:08.886" v="960" actId="478"/>
            <ac:cxnSpMkLst>
              <pc:docMk/>
              <pc:sldMasterMk cId="4013363400" sldId="2147483662"/>
              <pc:sldLayoutMk cId="2881194976" sldId="2147483736"/>
              <ac:cxnSpMk id="46" creationId="{07D70D71-7D65-456F-8918-0D83F0B88E9C}"/>
            </ac:cxnSpMkLst>
          </pc:cxnChg>
        </pc:sldLayoutChg>
        <pc:sldLayoutChg chg="addSp delSp modSp mod">
          <pc:chgData name="Jonas Bratseth" userId="7880613d-1198-4bca-afa6-2725a9958330" providerId="ADAL" clId="{FF08786F-35DD-4FA5-91F3-FF8315EFC03A}" dt="2021-04-23T11:46:39.388" v="1180" actId="167"/>
          <pc:sldLayoutMkLst>
            <pc:docMk/>
            <pc:sldMasterMk cId="4013363400" sldId="2147483662"/>
            <pc:sldLayoutMk cId="1160551681" sldId="2147483737"/>
          </pc:sldLayoutMkLst>
          <pc:spChg chg="add mod ord">
            <ac:chgData name="Jonas Bratseth" userId="7880613d-1198-4bca-afa6-2725a9958330" providerId="ADAL" clId="{FF08786F-35DD-4FA5-91F3-FF8315EFC03A}" dt="2021-04-23T11:46:39.388" v="1180" actId="167"/>
            <ac:spMkLst>
              <pc:docMk/>
              <pc:sldMasterMk cId="4013363400" sldId="2147483662"/>
              <pc:sldLayoutMk cId="1160551681" sldId="2147483737"/>
              <ac:spMk id="18" creationId="{7273C3C7-FBB3-4C0A-8AF6-851BF400EFCD}"/>
            </ac:spMkLst>
          </pc:spChg>
          <pc:spChg chg="del">
            <ac:chgData name="Jonas Bratseth" userId="7880613d-1198-4bca-afa6-2725a9958330" providerId="ADAL" clId="{FF08786F-35DD-4FA5-91F3-FF8315EFC03A}" dt="2021-04-23T11:46:36.759" v="1178" actId="478"/>
            <ac:spMkLst>
              <pc:docMk/>
              <pc:sldMasterMk cId="4013363400" sldId="2147483662"/>
              <pc:sldLayoutMk cId="1160551681" sldId="2147483737"/>
              <ac:spMk id="20" creationId="{AC1B5946-BFD6-40B1-A104-411E61CBC47D}"/>
            </ac:spMkLst>
          </pc:spChg>
        </pc:sldLayoutChg>
        <pc:sldLayoutChg chg="addSp delSp modSp mod">
          <pc:chgData name="Jonas Bratseth" userId="7880613d-1198-4bca-afa6-2725a9958330" providerId="ADAL" clId="{FF08786F-35DD-4FA5-91F3-FF8315EFC03A}" dt="2021-04-23T11:46:47.858" v="1183" actId="167"/>
          <pc:sldLayoutMkLst>
            <pc:docMk/>
            <pc:sldMasterMk cId="4013363400" sldId="2147483662"/>
            <pc:sldLayoutMk cId="1706262171" sldId="2147483786"/>
          </pc:sldLayoutMkLst>
          <pc:spChg chg="del mod">
            <ac:chgData name="Jonas Bratseth" userId="7880613d-1198-4bca-afa6-2725a9958330" providerId="ADAL" clId="{FF08786F-35DD-4FA5-91F3-FF8315EFC03A}" dt="2021-04-23T11:46:45.483" v="1181" actId="478"/>
            <ac:spMkLst>
              <pc:docMk/>
              <pc:sldMasterMk cId="4013363400" sldId="2147483662"/>
              <pc:sldLayoutMk cId="1706262171" sldId="2147483786"/>
              <ac:spMk id="12" creationId="{98D9657F-90AA-40C4-9DD7-37C9539F7ACD}"/>
            </ac:spMkLst>
          </pc:spChg>
          <pc:spChg chg="add mod ord">
            <ac:chgData name="Jonas Bratseth" userId="7880613d-1198-4bca-afa6-2725a9958330" providerId="ADAL" clId="{FF08786F-35DD-4FA5-91F3-FF8315EFC03A}" dt="2021-04-23T11:46:47.858" v="1183" actId="167"/>
            <ac:spMkLst>
              <pc:docMk/>
              <pc:sldMasterMk cId="4013363400" sldId="2147483662"/>
              <pc:sldLayoutMk cId="1706262171" sldId="2147483786"/>
              <ac:spMk id="15" creationId="{B6313F33-014B-48C2-AF77-EABE3C6C0B91}"/>
            </ac:spMkLst>
          </pc:spChg>
        </pc:sldLayoutChg>
      </pc:sldMasterChg>
      <pc:sldMasterChg chg="modSp delSldLayout modSldLayout">
        <pc:chgData name="Jonas Bratseth" userId="7880613d-1198-4bca-afa6-2725a9958330" providerId="ADAL" clId="{FF08786F-35DD-4FA5-91F3-FF8315EFC03A}" dt="2021-04-28T09:14:58.796" v="1353" actId="2696"/>
        <pc:sldMasterMkLst>
          <pc:docMk/>
          <pc:sldMasterMk cId="1571303548" sldId="2147483672"/>
        </pc:sldMasterMkLst>
        <pc:spChg chg="mod">
          <ac:chgData name="Jonas Bratseth" userId="7880613d-1198-4bca-afa6-2725a9958330" providerId="ADAL" clId="{FF08786F-35DD-4FA5-91F3-FF8315EFC03A}" dt="2021-04-14T07:06:30.682" v="912" actId="12"/>
          <ac:spMkLst>
            <pc:docMk/>
            <pc:sldMasterMk cId="1571303548" sldId="2147483672"/>
            <ac:spMk id="8" creationId="{674E4E07-17EE-44AB-A23B-DF246D6AC8BF}"/>
          </ac:spMkLst>
        </pc:spChg>
        <pc:sldLayoutChg chg="addSp delSp modSp mod">
          <pc:chgData name="Jonas Bratseth" userId="7880613d-1198-4bca-afa6-2725a9958330" providerId="ADAL" clId="{FF08786F-35DD-4FA5-91F3-FF8315EFC03A}" dt="2021-04-28T09:10:52.557" v="1347" actId="478"/>
          <pc:sldLayoutMkLst>
            <pc:docMk/>
            <pc:sldMasterMk cId="1571303548" sldId="2147483672"/>
            <pc:sldLayoutMk cId="1587017909" sldId="2147483673"/>
          </pc:sldLayoutMkLst>
          <pc:spChg chg="del">
            <ac:chgData name="Jonas Bratseth" userId="7880613d-1198-4bca-afa6-2725a9958330" providerId="ADAL" clId="{FF08786F-35DD-4FA5-91F3-FF8315EFC03A}" dt="2021-04-28T09:10:52.557" v="1347" actId="478"/>
            <ac:spMkLst>
              <pc:docMk/>
              <pc:sldMasterMk cId="1571303548" sldId="2147483672"/>
              <pc:sldLayoutMk cId="1587017909" sldId="2147483673"/>
              <ac:spMk id="10" creationId="{BA9FE935-F199-41D7-871A-24EC1D9C5AD9}"/>
            </ac:spMkLst>
          </pc:spChg>
          <pc:spChg chg="add del mod">
            <ac:chgData name="Jonas Bratseth" userId="7880613d-1198-4bca-afa6-2725a9958330" providerId="ADAL" clId="{FF08786F-35DD-4FA5-91F3-FF8315EFC03A}" dt="2021-04-23T11:40:11.941" v="1059" actId="478"/>
            <ac:spMkLst>
              <pc:docMk/>
              <pc:sldMasterMk cId="1571303548" sldId="2147483672"/>
              <pc:sldLayoutMk cId="1587017909" sldId="2147483673"/>
              <ac:spMk id="12" creationId="{6BEB7DFB-8F08-4AB2-87D3-20F603F5BCB9}"/>
            </ac:spMkLst>
          </pc:spChg>
        </pc:sldLayoutChg>
        <pc:sldLayoutChg chg="del">
          <pc:chgData name="Jonas Bratseth" userId="7880613d-1198-4bca-afa6-2725a9958330" providerId="ADAL" clId="{FF08786F-35DD-4FA5-91F3-FF8315EFC03A}" dt="2021-04-28T09:14:58.796" v="1353" actId="2696"/>
          <pc:sldLayoutMkLst>
            <pc:docMk/>
            <pc:sldMasterMk cId="1571303548" sldId="2147483672"/>
            <pc:sldLayoutMk cId="2387852940" sldId="2147483674"/>
          </pc:sldLayoutMkLst>
        </pc:sldLayoutChg>
        <pc:sldLayoutChg chg="addSp delSp modSp mod">
          <pc:chgData name="Jonas Bratseth" userId="7880613d-1198-4bca-afa6-2725a9958330" providerId="ADAL" clId="{FF08786F-35DD-4FA5-91F3-FF8315EFC03A}" dt="2021-04-26T08:54:23.279" v="1328"/>
          <pc:sldLayoutMkLst>
            <pc:docMk/>
            <pc:sldMasterMk cId="1571303548" sldId="2147483672"/>
            <pc:sldLayoutMk cId="1779121861" sldId="2147483675"/>
          </pc:sldLayoutMkLst>
          <pc:spChg chg="del">
            <ac:chgData name="Jonas Bratseth" userId="7880613d-1198-4bca-afa6-2725a9958330" providerId="ADAL" clId="{FF08786F-35DD-4FA5-91F3-FF8315EFC03A}" dt="2021-04-26T08:49:48.598" v="1313" actId="478"/>
            <ac:spMkLst>
              <pc:docMk/>
              <pc:sldMasterMk cId="1571303548" sldId="2147483672"/>
              <pc:sldLayoutMk cId="1779121861" sldId="2147483675"/>
              <ac:spMk id="2" creationId="{A1E49F8F-D418-4FBA-825E-A63F2DDD8F1E}"/>
            </ac:spMkLst>
          </pc:spChg>
          <pc:spChg chg="del">
            <ac:chgData name="Jonas Bratseth" userId="7880613d-1198-4bca-afa6-2725a9958330" providerId="ADAL" clId="{FF08786F-35DD-4FA5-91F3-FF8315EFC03A}" dt="2021-04-26T08:49:49.554" v="1314" actId="478"/>
            <ac:spMkLst>
              <pc:docMk/>
              <pc:sldMasterMk cId="1571303548" sldId="2147483672"/>
              <pc:sldLayoutMk cId="1779121861" sldId="2147483675"/>
              <ac:spMk id="3" creationId="{8637D6E0-F061-4BBC-8DBC-562373D266A8}"/>
            </ac:spMkLst>
          </pc:spChg>
          <pc:spChg chg="add del mod">
            <ac:chgData name="Jonas Bratseth" userId="7880613d-1198-4bca-afa6-2725a9958330" providerId="ADAL" clId="{FF08786F-35DD-4FA5-91F3-FF8315EFC03A}" dt="2021-04-26T08:54:18.323" v="1325" actId="478"/>
            <ac:spMkLst>
              <pc:docMk/>
              <pc:sldMasterMk cId="1571303548" sldId="2147483672"/>
              <pc:sldLayoutMk cId="1779121861" sldId="2147483675"/>
              <ac:spMk id="9" creationId="{5E05BACF-2DB6-4B8F-AE50-BCFB72B66747}"/>
            </ac:spMkLst>
          </pc:spChg>
          <pc:spChg chg="add del mod">
            <ac:chgData name="Jonas Bratseth" userId="7880613d-1198-4bca-afa6-2725a9958330" providerId="ADAL" clId="{FF08786F-35DD-4FA5-91F3-FF8315EFC03A}" dt="2021-04-26T08:54:19.375" v="1326" actId="478"/>
            <ac:spMkLst>
              <pc:docMk/>
              <pc:sldMasterMk cId="1571303548" sldId="2147483672"/>
              <pc:sldLayoutMk cId="1779121861" sldId="2147483675"/>
              <ac:spMk id="10" creationId="{A04C28E6-4376-402F-97CF-42487118B526}"/>
            </ac:spMkLst>
          </pc:spChg>
          <pc:spChg chg="add del mod">
            <ac:chgData name="Jonas Bratseth" userId="7880613d-1198-4bca-afa6-2725a9958330" providerId="ADAL" clId="{FF08786F-35DD-4FA5-91F3-FF8315EFC03A}" dt="2021-04-26T08:54:22.515" v="1327" actId="478"/>
            <ac:spMkLst>
              <pc:docMk/>
              <pc:sldMasterMk cId="1571303548" sldId="2147483672"/>
              <pc:sldLayoutMk cId="1779121861" sldId="2147483675"/>
              <ac:spMk id="11" creationId="{B45946B0-D668-49E0-BC61-2CC56D986E94}"/>
            </ac:spMkLst>
          </pc:spChg>
          <pc:spChg chg="add mod">
            <ac:chgData name="Jonas Bratseth" userId="7880613d-1198-4bca-afa6-2725a9958330" providerId="ADAL" clId="{FF08786F-35DD-4FA5-91F3-FF8315EFC03A}" dt="2021-04-26T08:54:23.279" v="1328"/>
            <ac:spMkLst>
              <pc:docMk/>
              <pc:sldMasterMk cId="1571303548" sldId="2147483672"/>
              <pc:sldLayoutMk cId="1779121861" sldId="2147483675"/>
              <ac:spMk id="12" creationId="{32F43D5C-0EE2-416D-99BE-FC9B2690B9A5}"/>
            </ac:spMkLst>
          </pc:spChg>
          <pc:spChg chg="add mod">
            <ac:chgData name="Jonas Bratseth" userId="7880613d-1198-4bca-afa6-2725a9958330" providerId="ADAL" clId="{FF08786F-35DD-4FA5-91F3-FF8315EFC03A}" dt="2021-04-26T08:54:23.279" v="1328"/>
            <ac:spMkLst>
              <pc:docMk/>
              <pc:sldMasterMk cId="1571303548" sldId="2147483672"/>
              <pc:sldLayoutMk cId="1779121861" sldId="2147483675"/>
              <ac:spMk id="15" creationId="{63A9BE1B-C1AC-447C-B9B0-61A2C5EC5966}"/>
            </ac:spMkLst>
          </pc:spChg>
          <pc:spChg chg="add mod">
            <ac:chgData name="Jonas Bratseth" userId="7880613d-1198-4bca-afa6-2725a9958330" providerId="ADAL" clId="{FF08786F-35DD-4FA5-91F3-FF8315EFC03A}" dt="2021-04-26T08:54:23.279" v="1328"/>
            <ac:spMkLst>
              <pc:docMk/>
              <pc:sldMasterMk cId="1571303548" sldId="2147483672"/>
              <pc:sldLayoutMk cId="1779121861" sldId="2147483675"/>
              <ac:spMk id="16" creationId="{8C702A21-54C4-4E6E-A341-6F26866493C2}"/>
            </ac:spMkLst>
          </pc:spChg>
        </pc:sldLayoutChg>
        <pc:sldLayoutChg chg="addSp delSp modSp mod">
          <pc:chgData name="Jonas Bratseth" userId="7880613d-1198-4bca-afa6-2725a9958330" providerId="ADAL" clId="{FF08786F-35DD-4FA5-91F3-FF8315EFC03A}" dt="2021-04-23T11:48:18.050" v="1220" actId="167"/>
          <pc:sldLayoutMkLst>
            <pc:docMk/>
            <pc:sldMasterMk cId="1571303548" sldId="2147483672"/>
            <pc:sldLayoutMk cId="2395835348" sldId="2147483676"/>
          </pc:sldLayoutMkLst>
          <pc:spChg chg="add del mod ord">
            <ac:chgData name="Jonas Bratseth" userId="7880613d-1198-4bca-afa6-2725a9958330" providerId="ADAL" clId="{FF08786F-35DD-4FA5-91F3-FF8315EFC03A}" dt="2021-04-23T11:48:15.017" v="1218" actId="478"/>
            <ac:spMkLst>
              <pc:docMk/>
              <pc:sldMasterMk cId="1571303548" sldId="2147483672"/>
              <pc:sldLayoutMk cId="2395835348" sldId="2147483676"/>
              <ac:spMk id="7" creationId="{4ADF77C2-E050-43CD-9E7D-DED11E8F0C00}"/>
            </ac:spMkLst>
          </pc:spChg>
          <pc:spChg chg="add mod ord">
            <ac:chgData name="Jonas Bratseth" userId="7880613d-1198-4bca-afa6-2725a9958330" providerId="ADAL" clId="{FF08786F-35DD-4FA5-91F3-FF8315EFC03A}" dt="2021-04-23T11:48:18.050" v="1220" actId="167"/>
            <ac:spMkLst>
              <pc:docMk/>
              <pc:sldMasterMk cId="1571303548" sldId="2147483672"/>
              <pc:sldLayoutMk cId="2395835348" sldId="2147483676"/>
              <ac:spMk id="8" creationId="{1563B9D7-E2D5-4EF8-A805-82E777AA0ACF}"/>
            </ac:spMkLst>
          </pc:spChg>
          <pc:spChg chg="del">
            <ac:chgData name="Jonas Bratseth" userId="7880613d-1198-4bca-afa6-2725a9958330" providerId="ADAL" clId="{FF08786F-35DD-4FA5-91F3-FF8315EFC03A}" dt="2021-04-23T11:47:12.741" v="1193" actId="478"/>
            <ac:spMkLst>
              <pc:docMk/>
              <pc:sldMasterMk cId="1571303548" sldId="2147483672"/>
              <pc:sldLayoutMk cId="2395835348" sldId="2147483676"/>
              <ac:spMk id="11" creationId="{AE3C12E5-2F4F-4D23-91A9-A0907C2B0531}"/>
            </ac:spMkLst>
          </pc:spChg>
        </pc:sldLayoutChg>
        <pc:sldLayoutChg chg="addSp delSp modSp mod">
          <pc:chgData name="Jonas Bratseth" userId="7880613d-1198-4bca-afa6-2725a9958330" providerId="ADAL" clId="{FF08786F-35DD-4FA5-91F3-FF8315EFC03A}" dt="2021-04-26T06:11:09.839" v="1293" actId="167"/>
          <pc:sldLayoutMkLst>
            <pc:docMk/>
            <pc:sldMasterMk cId="1571303548" sldId="2147483672"/>
            <pc:sldLayoutMk cId="82399762" sldId="2147483677"/>
          </pc:sldLayoutMkLst>
          <pc:spChg chg="add del mod ord">
            <ac:chgData name="Jonas Bratseth" userId="7880613d-1198-4bca-afa6-2725a9958330" providerId="ADAL" clId="{FF08786F-35DD-4FA5-91F3-FF8315EFC03A}" dt="2021-04-26T06:10:58.247" v="1291" actId="478"/>
            <ac:spMkLst>
              <pc:docMk/>
              <pc:sldMasterMk cId="1571303548" sldId="2147483672"/>
              <pc:sldLayoutMk cId="82399762" sldId="2147483677"/>
              <ac:spMk id="8" creationId="{452F7860-E0B3-420B-940C-FDB4E5C972DC}"/>
            </ac:spMkLst>
          </pc:spChg>
          <pc:spChg chg="add mod ord">
            <ac:chgData name="Jonas Bratseth" userId="7880613d-1198-4bca-afa6-2725a9958330" providerId="ADAL" clId="{FF08786F-35DD-4FA5-91F3-FF8315EFC03A}" dt="2021-04-26T06:11:09.839" v="1293" actId="167"/>
            <ac:spMkLst>
              <pc:docMk/>
              <pc:sldMasterMk cId="1571303548" sldId="2147483672"/>
              <pc:sldLayoutMk cId="82399762" sldId="2147483677"/>
              <ac:spMk id="10" creationId="{A80C2787-E344-4FFD-8E3C-CFF5DB5A4D87}"/>
            </ac:spMkLst>
          </pc:spChg>
          <pc:spChg chg="del mod">
            <ac:chgData name="Jonas Bratseth" userId="7880613d-1198-4bca-afa6-2725a9958330" providerId="ADAL" clId="{FF08786F-35DD-4FA5-91F3-FF8315EFC03A}" dt="2021-04-23T11:48:06.691" v="1216" actId="478"/>
            <ac:spMkLst>
              <pc:docMk/>
              <pc:sldMasterMk cId="1571303548" sldId="2147483672"/>
              <pc:sldLayoutMk cId="82399762" sldId="2147483677"/>
              <ac:spMk id="11" creationId="{AE3C12E5-2F4F-4D23-91A9-A0907C2B0531}"/>
            </ac:spMkLst>
          </pc:spChg>
        </pc:sldLayoutChg>
        <pc:sldLayoutChg chg="addSp delSp modSp mod">
          <pc:chgData name="Jonas Bratseth" userId="7880613d-1198-4bca-afa6-2725a9958330" providerId="ADAL" clId="{FF08786F-35DD-4FA5-91F3-FF8315EFC03A}" dt="2021-04-26T08:54:29.082" v="1332"/>
          <pc:sldLayoutMkLst>
            <pc:docMk/>
            <pc:sldMasterMk cId="1571303548" sldId="2147483672"/>
            <pc:sldLayoutMk cId="2523946378" sldId="2147483690"/>
          </pc:sldLayoutMkLst>
          <pc:spChg chg="del">
            <ac:chgData name="Jonas Bratseth" userId="7880613d-1198-4bca-afa6-2725a9958330" providerId="ADAL" clId="{FF08786F-35DD-4FA5-91F3-FF8315EFC03A}" dt="2021-04-26T08:49:54.181" v="1316" actId="478"/>
            <ac:spMkLst>
              <pc:docMk/>
              <pc:sldMasterMk cId="1571303548" sldId="2147483672"/>
              <pc:sldLayoutMk cId="2523946378" sldId="2147483690"/>
              <ac:spMk id="2" creationId="{A1E49F8F-D418-4FBA-825E-A63F2DDD8F1E}"/>
            </ac:spMkLst>
          </pc:spChg>
          <pc:spChg chg="del">
            <ac:chgData name="Jonas Bratseth" userId="7880613d-1198-4bca-afa6-2725a9958330" providerId="ADAL" clId="{FF08786F-35DD-4FA5-91F3-FF8315EFC03A}" dt="2021-04-26T08:49:55.473" v="1317" actId="478"/>
            <ac:spMkLst>
              <pc:docMk/>
              <pc:sldMasterMk cId="1571303548" sldId="2147483672"/>
              <pc:sldLayoutMk cId="2523946378" sldId="2147483690"/>
              <ac:spMk id="3" creationId="{8637D6E0-F061-4BBC-8DBC-562373D266A8}"/>
            </ac:spMkLst>
          </pc:spChg>
          <pc:spChg chg="add del mod">
            <ac:chgData name="Jonas Bratseth" userId="7880613d-1198-4bca-afa6-2725a9958330" providerId="ADAL" clId="{FF08786F-35DD-4FA5-91F3-FF8315EFC03A}" dt="2021-04-26T08:54:25.804" v="1329" actId="478"/>
            <ac:spMkLst>
              <pc:docMk/>
              <pc:sldMasterMk cId="1571303548" sldId="2147483672"/>
              <pc:sldLayoutMk cId="2523946378" sldId="2147483690"/>
              <ac:spMk id="8" creationId="{6E342B64-A9F1-4965-B69E-0344E8CAEB5C}"/>
            </ac:spMkLst>
          </pc:spChg>
          <pc:spChg chg="add del mod">
            <ac:chgData name="Jonas Bratseth" userId="7880613d-1198-4bca-afa6-2725a9958330" providerId="ADAL" clId="{FF08786F-35DD-4FA5-91F3-FF8315EFC03A}" dt="2021-04-26T08:54:26.849" v="1330" actId="478"/>
            <ac:spMkLst>
              <pc:docMk/>
              <pc:sldMasterMk cId="1571303548" sldId="2147483672"/>
              <pc:sldLayoutMk cId="2523946378" sldId="2147483690"/>
              <ac:spMk id="9" creationId="{2A053A06-DF95-439C-B121-E14FD111B519}"/>
            </ac:spMkLst>
          </pc:spChg>
          <pc:spChg chg="add del mod">
            <ac:chgData name="Jonas Bratseth" userId="7880613d-1198-4bca-afa6-2725a9958330" providerId="ADAL" clId="{FF08786F-35DD-4FA5-91F3-FF8315EFC03A}" dt="2021-04-26T08:54:28.219" v="1331" actId="478"/>
            <ac:spMkLst>
              <pc:docMk/>
              <pc:sldMasterMk cId="1571303548" sldId="2147483672"/>
              <pc:sldLayoutMk cId="2523946378" sldId="2147483690"/>
              <ac:spMk id="10" creationId="{225712C7-B79B-4D73-A2BF-02EABCD05418}"/>
            </ac:spMkLst>
          </pc:spChg>
          <pc:spChg chg="add mod">
            <ac:chgData name="Jonas Bratseth" userId="7880613d-1198-4bca-afa6-2725a9958330" providerId="ADAL" clId="{FF08786F-35DD-4FA5-91F3-FF8315EFC03A}" dt="2021-04-26T08:54:29.082" v="1332"/>
            <ac:spMkLst>
              <pc:docMk/>
              <pc:sldMasterMk cId="1571303548" sldId="2147483672"/>
              <pc:sldLayoutMk cId="2523946378" sldId="2147483690"/>
              <ac:spMk id="11" creationId="{07FCA280-BAF8-4F6A-9ECF-D48AB3D85445}"/>
            </ac:spMkLst>
          </pc:spChg>
          <pc:spChg chg="add mod">
            <ac:chgData name="Jonas Bratseth" userId="7880613d-1198-4bca-afa6-2725a9958330" providerId="ADAL" clId="{FF08786F-35DD-4FA5-91F3-FF8315EFC03A}" dt="2021-04-26T08:54:29.082" v="1332"/>
            <ac:spMkLst>
              <pc:docMk/>
              <pc:sldMasterMk cId="1571303548" sldId="2147483672"/>
              <pc:sldLayoutMk cId="2523946378" sldId="2147483690"/>
              <ac:spMk id="12" creationId="{D041968C-E5FB-44BF-A6C2-381A220BC631}"/>
            </ac:spMkLst>
          </pc:spChg>
          <pc:spChg chg="add mod">
            <ac:chgData name="Jonas Bratseth" userId="7880613d-1198-4bca-afa6-2725a9958330" providerId="ADAL" clId="{FF08786F-35DD-4FA5-91F3-FF8315EFC03A}" dt="2021-04-26T08:54:29.082" v="1332"/>
            <ac:spMkLst>
              <pc:docMk/>
              <pc:sldMasterMk cId="1571303548" sldId="2147483672"/>
              <pc:sldLayoutMk cId="2523946378" sldId="2147483690"/>
              <ac:spMk id="15" creationId="{3B512A06-1BC6-4716-8001-8E6B1F679E3E}"/>
            </ac:spMkLst>
          </pc:spChg>
        </pc:sldLayoutChg>
        <pc:sldLayoutChg chg="addSp delSp modSp mod">
          <pc:chgData name="Jonas Bratseth" userId="7880613d-1198-4bca-afa6-2725a9958330" providerId="ADAL" clId="{FF08786F-35DD-4FA5-91F3-FF8315EFC03A}" dt="2021-04-23T11:48:35.813" v="1229" actId="167"/>
          <pc:sldLayoutMkLst>
            <pc:docMk/>
            <pc:sldMasterMk cId="1571303548" sldId="2147483672"/>
            <pc:sldLayoutMk cId="2486948816" sldId="2147483694"/>
          </pc:sldLayoutMkLst>
          <pc:spChg chg="add mod ord">
            <ac:chgData name="Jonas Bratseth" userId="7880613d-1198-4bca-afa6-2725a9958330" providerId="ADAL" clId="{FF08786F-35DD-4FA5-91F3-FF8315EFC03A}" dt="2021-04-23T11:48:35.813" v="1229" actId="167"/>
            <ac:spMkLst>
              <pc:docMk/>
              <pc:sldMasterMk cId="1571303548" sldId="2147483672"/>
              <pc:sldLayoutMk cId="2486948816" sldId="2147483694"/>
              <ac:spMk id="13" creationId="{D9705DC9-F24C-47F5-AF78-A4A2B830F9ED}"/>
            </ac:spMkLst>
          </pc:spChg>
          <pc:spChg chg="del">
            <ac:chgData name="Jonas Bratseth" userId="7880613d-1198-4bca-afa6-2725a9958330" providerId="ADAL" clId="{FF08786F-35DD-4FA5-91F3-FF8315EFC03A}" dt="2021-04-23T11:48:33.485" v="1227" actId="478"/>
            <ac:spMkLst>
              <pc:docMk/>
              <pc:sldMasterMk cId="1571303548" sldId="2147483672"/>
              <pc:sldLayoutMk cId="2486948816" sldId="2147483694"/>
              <ac:spMk id="16" creationId="{4A600D75-6317-4D2B-9980-97CEBE72C2DD}"/>
            </ac:spMkLst>
          </pc:spChg>
        </pc:sldLayoutChg>
        <pc:sldLayoutChg chg="addSp delSp modSp mod">
          <pc:chgData name="Jonas Bratseth" userId="7880613d-1198-4bca-afa6-2725a9958330" providerId="ADAL" clId="{FF08786F-35DD-4FA5-91F3-FF8315EFC03A}" dt="2021-04-23T11:49:13.670" v="1250" actId="167"/>
          <pc:sldLayoutMkLst>
            <pc:docMk/>
            <pc:sldMasterMk cId="1571303548" sldId="2147483672"/>
            <pc:sldLayoutMk cId="1706378664" sldId="2147483701"/>
          </pc:sldLayoutMkLst>
          <pc:spChg chg="del">
            <ac:chgData name="Jonas Bratseth" userId="7880613d-1198-4bca-afa6-2725a9958330" providerId="ADAL" clId="{FF08786F-35DD-4FA5-91F3-FF8315EFC03A}" dt="2021-04-23T11:49:11.001" v="1248" actId="478"/>
            <ac:spMkLst>
              <pc:docMk/>
              <pc:sldMasterMk cId="1571303548" sldId="2147483672"/>
              <pc:sldLayoutMk cId="1706378664" sldId="2147483701"/>
              <ac:spMk id="4" creationId="{77907909-D36A-43B9-988D-F0C503689D49}"/>
            </ac:spMkLst>
          </pc:spChg>
          <pc:spChg chg="add mod ord">
            <ac:chgData name="Jonas Bratseth" userId="7880613d-1198-4bca-afa6-2725a9958330" providerId="ADAL" clId="{FF08786F-35DD-4FA5-91F3-FF8315EFC03A}" dt="2021-04-23T11:49:13.670" v="1250" actId="167"/>
            <ac:spMkLst>
              <pc:docMk/>
              <pc:sldMasterMk cId="1571303548" sldId="2147483672"/>
              <pc:sldLayoutMk cId="1706378664" sldId="2147483701"/>
              <ac:spMk id="8" creationId="{BA9D6265-6AC9-4D3E-A728-0EB4D2DB769A}"/>
            </ac:spMkLst>
          </pc:spChg>
        </pc:sldLayoutChg>
        <pc:sldLayoutChg chg="addSp delSp modSp mod">
          <pc:chgData name="Jonas Bratseth" userId="7880613d-1198-4bca-afa6-2725a9958330" providerId="ADAL" clId="{FF08786F-35DD-4FA5-91F3-FF8315EFC03A}" dt="2021-04-23T11:48:39.677" v="1232" actId="167"/>
          <pc:sldLayoutMkLst>
            <pc:docMk/>
            <pc:sldMasterMk cId="1571303548" sldId="2147483672"/>
            <pc:sldLayoutMk cId="2129478693" sldId="2147483724"/>
          </pc:sldLayoutMkLst>
          <pc:spChg chg="add mod ord">
            <ac:chgData name="Jonas Bratseth" userId="7880613d-1198-4bca-afa6-2725a9958330" providerId="ADAL" clId="{FF08786F-35DD-4FA5-91F3-FF8315EFC03A}" dt="2021-04-23T11:48:39.677" v="1232" actId="167"/>
            <ac:spMkLst>
              <pc:docMk/>
              <pc:sldMasterMk cId="1571303548" sldId="2147483672"/>
              <pc:sldLayoutMk cId="2129478693" sldId="2147483724"/>
              <ac:spMk id="15" creationId="{E0DF8A73-4CDA-4FFD-B8F2-615BBD39F75E}"/>
            </ac:spMkLst>
          </pc:spChg>
          <pc:spChg chg="del">
            <ac:chgData name="Jonas Bratseth" userId="7880613d-1198-4bca-afa6-2725a9958330" providerId="ADAL" clId="{FF08786F-35DD-4FA5-91F3-FF8315EFC03A}" dt="2021-04-23T11:48:37.728" v="1230" actId="478"/>
            <ac:spMkLst>
              <pc:docMk/>
              <pc:sldMasterMk cId="1571303548" sldId="2147483672"/>
              <pc:sldLayoutMk cId="2129478693" sldId="2147483724"/>
              <ac:spMk id="18" creationId="{328975A5-8F66-4443-899F-ECAAB50FF85A}"/>
            </ac:spMkLst>
          </pc:spChg>
        </pc:sldLayoutChg>
        <pc:sldLayoutChg chg="addSp delSp modSp mod">
          <pc:chgData name="Jonas Bratseth" userId="7880613d-1198-4bca-afa6-2725a9958330" providerId="ADAL" clId="{FF08786F-35DD-4FA5-91F3-FF8315EFC03A}" dt="2021-04-23T11:48:44.168" v="1235" actId="167"/>
          <pc:sldLayoutMkLst>
            <pc:docMk/>
            <pc:sldMasterMk cId="1571303548" sldId="2147483672"/>
            <pc:sldLayoutMk cId="1061812311" sldId="2147483725"/>
          </pc:sldLayoutMkLst>
          <pc:spChg chg="add mod ord">
            <ac:chgData name="Jonas Bratseth" userId="7880613d-1198-4bca-afa6-2725a9958330" providerId="ADAL" clId="{FF08786F-35DD-4FA5-91F3-FF8315EFC03A}" dt="2021-04-23T11:48:44.168" v="1235" actId="167"/>
            <ac:spMkLst>
              <pc:docMk/>
              <pc:sldMasterMk cId="1571303548" sldId="2147483672"/>
              <pc:sldLayoutMk cId="1061812311" sldId="2147483725"/>
              <ac:spMk id="16" creationId="{DADAD05F-A24D-44A2-9A5C-C155B948CC83}"/>
            </ac:spMkLst>
          </pc:spChg>
          <pc:spChg chg="del">
            <ac:chgData name="Jonas Bratseth" userId="7880613d-1198-4bca-afa6-2725a9958330" providerId="ADAL" clId="{FF08786F-35DD-4FA5-91F3-FF8315EFC03A}" dt="2021-04-23T11:48:42.103" v="1233" actId="478"/>
            <ac:spMkLst>
              <pc:docMk/>
              <pc:sldMasterMk cId="1571303548" sldId="2147483672"/>
              <pc:sldLayoutMk cId="1061812311" sldId="2147483725"/>
              <ac:spMk id="20" creationId="{526315F1-9453-435E-AEA2-FA55B81D4DD5}"/>
            </ac:spMkLst>
          </pc:spChg>
        </pc:sldLayoutChg>
        <pc:sldLayoutChg chg="addSp delSp modSp mod">
          <pc:chgData name="Jonas Bratseth" userId="7880613d-1198-4bca-afa6-2725a9958330" providerId="ADAL" clId="{FF08786F-35DD-4FA5-91F3-FF8315EFC03A}" dt="2021-04-23T11:48:24.622" v="1223" actId="167"/>
          <pc:sldLayoutMkLst>
            <pc:docMk/>
            <pc:sldMasterMk cId="1571303548" sldId="2147483672"/>
            <pc:sldLayoutMk cId="3897780765" sldId="2147483738"/>
          </pc:sldLayoutMkLst>
          <pc:spChg chg="del">
            <ac:chgData name="Jonas Bratseth" userId="7880613d-1198-4bca-afa6-2725a9958330" providerId="ADAL" clId="{FF08786F-35DD-4FA5-91F3-FF8315EFC03A}" dt="2021-04-23T11:48:22.234" v="1221" actId="478"/>
            <ac:spMkLst>
              <pc:docMk/>
              <pc:sldMasterMk cId="1571303548" sldId="2147483672"/>
              <pc:sldLayoutMk cId="3897780765" sldId="2147483738"/>
              <ac:spMk id="6" creationId="{7644BE22-FE64-415A-82E1-57F426B630DE}"/>
            </ac:spMkLst>
          </pc:spChg>
          <pc:spChg chg="add mod ord">
            <ac:chgData name="Jonas Bratseth" userId="7880613d-1198-4bca-afa6-2725a9958330" providerId="ADAL" clId="{FF08786F-35DD-4FA5-91F3-FF8315EFC03A}" dt="2021-04-23T11:48:24.622" v="1223" actId="167"/>
            <ac:spMkLst>
              <pc:docMk/>
              <pc:sldMasterMk cId="1571303548" sldId="2147483672"/>
              <pc:sldLayoutMk cId="3897780765" sldId="2147483738"/>
              <ac:spMk id="10" creationId="{7D41370C-E589-4668-846B-AACA35D2E09D}"/>
            </ac:spMkLst>
          </pc:spChg>
        </pc:sldLayoutChg>
        <pc:sldLayoutChg chg="addSp delSp modSp mod">
          <pc:chgData name="Jonas Bratseth" userId="7880613d-1198-4bca-afa6-2725a9958330" providerId="ADAL" clId="{FF08786F-35DD-4FA5-91F3-FF8315EFC03A}" dt="2021-04-23T11:48:29.727" v="1226" actId="167"/>
          <pc:sldLayoutMkLst>
            <pc:docMk/>
            <pc:sldMasterMk cId="1571303548" sldId="2147483672"/>
            <pc:sldLayoutMk cId="1343069216" sldId="2147483739"/>
          </pc:sldLayoutMkLst>
          <pc:spChg chg="del">
            <ac:chgData name="Jonas Bratseth" userId="7880613d-1198-4bca-afa6-2725a9958330" providerId="ADAL" clId="{FF08786F-35DD-4FA5-91F3-FF8315EFC03A}" dt="2021-04-23T11:48:27.181" v="1224" actId="478"/>
            <ac:spMkLst>
              <pc:docMk/>
              <pc:sldMasterMk cId="1571303548" sldId="2147483672"/>
              <pc:sldLayoutMk cId="1343069216" sldId="2147483739"/>
              <ac:spMk id="10" creationId="{7C013883-E97D-43E6-B184-0B89BF36D874}"/>
            </ac:spMkLst>
          </pc:spChg>
          <pc:spChg chg="add mod ord">
            <ac:chgData name="Jonas Bratseth" userId="7880613d-1198-4bca-afa6-2725a9958330" providerId="ADAL" clId="{FF08786F-35DD-4FA5-91F3-FF8315EFC03A}" dt="2021-04-23T11:48:29.727" v="1226" actId="167"/>
            <ac:spMkLst>
              <pc:docMk/>
              <pc:sldMasterMk cId="1571303548" sldId="2147483672"/>
              <pc:sldLayoutMk cId="1343069216" sldId="2147483739"/>
              <ac:spMk id="13" creationId="{81F69D9F-35F2-4ACE-B644-BC3EC1B4882C}"/>
            </ac:spMkLst>
          </pc:spChg>
        </pc:sldLayoutChg>
        <pc:sldLayoutChg chg="addSp delSp modSp mod">
          <pc:chgData name="Jonas Bratseth" userId="7880613d-1198-4bca-afa6-2725a9958330" providerId="ADAL" clId="{FF08786F-35DD-4FA5-91F3-FF8315EFC03A}" dt="2021-04-23T11:48:50.486" v="1238" actId="167"/>
          <pc:sldLayoutMkLst>
            <pc:docMk/>
            <pc:sldMasterMk cId="1571303548" sldId="2147483672"/>
            <pc:sldLayoutMk cId="908257773" sldId="2147483740"/>
          </pc:sldLayoutMkLst>
          <pc:spChg chg="del">
            <ac:chgData name="Jonas Bratseth" userId="7880613d-1198-4bca-afa6-2725a9958330" providerId="ADAL" clId="{FF08786F-35DD-4FA5-91F3-FF8315EFC03A}" dt="2021-04-23T11:48:47.919" v="1236" actId="478"/>
            <ac:spMkLst>
              <pc:docMk/>
              <pc:sldMasterMk cId="1571303548" sldId="2147483672"/>
              <pc:sldLayoutMk cId="908257773" sldId="2147483740"/>
              <ac:spMk id="8" creationId="{DA67FE83-5DC7-4783-8255-88F8A967B2A5}"/>
            </ac:spMkLst>
          </pc:spChg>
          <pc:spChg chg="add mod ord">
            <ac:chgData name="Jonas Bratseth" userId="7880613d-1198-4bca-afa6-2725a9958330" providerId="ADAL" clId="{FF08786F-35DD-4FA5-91F3-FF8315EFC03A}" dt="2021-04-23T11:48:50.486" v="1238" actId="167"/>
            <ac:spMkLst>
              <pc:docMk/>
              <pc:sldMasterMk cId="1571303548" sldId="2147483672"/>
              <pc:sldLayoutMk cId="908257773" sldId="2147483740"/>
              <ac:spMk id="14" creationId="{58654762-955C-4ABD-9BF2-B17327BFCD0D}"/>
            </ac:spMkLst>
          </pc:spChg>
        </pc:sldLayoutChg>
        <pc:sldLayoutChg chg="addSp delSp modSp mod">
          <pc:chgData name="Jonas Bratseth" userId="7880613d-1198-4bca-afa6-2725a9958330" providerId="ADAL" clId="{FF08786F-35DD-4FA5-91F3-FF8315EFC03A}" dt="2021-04-23T11:48:55.202" v="1241" actId="167"/>
          <pc:sldLayoutMkLst>
            <pc:docMk/>
            <pc:sldMasterMk cId="1571303548" sldId="2147483672"/>
            <pc:sldLayoutMk cId="3162365967" sldId="2147483741"/>
          </pc:sldLayoutMkLst>
          <pc:spChg chg="add mod ord">
            <ac:chgData name="Jonas Bratseth" userId="7880613d-1198-4bca-afa6-2725a9958330" providerId="ADAL" clId="{FF08786F-35DD-4FA5-91F3-FF8315EFC03A}" dt="2021-04-23T11:48:55.202" v="1241" actId="167"/>
            <ac:spMkLst>
              <pc:docMk/>
              <pc:sldMasterMk cId="1571303548" sldId="2147483672"/>
              <pc:sldLayoutMk cId="3162365967" sldId="2147483741"/>
              <ac:spMk id="14" creationId="{53962625-4800-497B-B1DD-9317DEF669C0}"/>
            </ac:spMkLst>
          </pc:spChg>
          <pc:spChg chg="del">
            <ac:chgData name="Jonas Bratseth" userId="7880613d-1198-4bca-afa6-2725a9958330" providerId="ADAL" clId="{FF08786F-35DD-4FA5-91F3-FF8315EFC03A}" dt="2021-04-23T11:48:53.281" v="1239" actId="478"/>
            <ac:spMkLst>
              <pc:docMk/>
              <pc:sldMasterMk cId="1571303548" sldId="2147483672"/>
              <pc:sldLayoutMk cId="3162365967" sldId="2147483741"/>
              <ac:spMk id="18" creationId="{71F87A5E-1300-4E96-AF48-FE64EB03BE75}"/>
            </ac:spMkLst>
          </pc:spChg>
          <pc:spChg chg="mod">
            <ac:chgData name="Jonas Bratseth" userId="7880613d-1198-4bca-afa6-2725a9958330" providerId="ADAL" clId="{FF08786F-35DD-4FA5-91F3-FF8315EFC03A}" dt="2021-04-14T07:06:09.028" v="904"/>
            <ac:spMkLst>
              <pc:docMk/>
              <pc:sldMasterMk cId="1571303548" sldId="2147483672"/>
              <pc:sldLayoutMk cId="3162365967" sldId="2147483741"/>
              <ac:spMk id="25" creationId="{432BA7E2-390F-4CFC-857B-3CCEA4DBE8E0}"/>
            </ac:spMkLst>
          </pc:spChg>
          <pc:spChg chg="mod">
            <ac:chgData name="Jonas Bratseth" userId="7880613d-1198-4bca-afa6-2725a9958330" providerId="ADAL" clId="{FF08786F-35DD-4FA5-91F3-FF8315EFC03A}" dt="2021-04-14T07:06:11.906" v="906"/>
            <ac:spMkLst>
              <pc:docMk/>
              <pc:sldMasterMk cId="1571303548" sldId="2147483672"/>
              <pc:sldLayoutMk cId="3162365967" sldId="2147483741"/>
              <ac:spMk id="29" creationId="{B7861BBB-75C1-4216-9A2F-BE6903C3D39B}"/>
            </ac:spMkLst>
          </pc:spChg>
          <pc:spChg chg="mod">
            <ac:chgData name="Jonas Bratseth" userId="7880613d-1198-4bca-afa6-2725a9958330" providerId="ADAL" clId="{FF08786F-35DD-4FA5-91F3-FF8315EFC03A}" dt="2021-04-14T07:06:11.906" v="908"/>
            <ac:spMkLst>
              <pc:docMk/>
              <pc:sldMasterMk cId="1571303548" sldId="2147483672"/>
              <pc:sldLayoutMk cId="3162365967" sldId="2147483741"/>
              <ac:spMk id="31" creationId="{E3C53F12-D83F-46B0-8106-A01E198BFB3E}"/>
            </ac:spMkLst>
          </pc:spChg>
          <pc:spChg chg="del">
            <ac:chgData name="Jonas Bratseth" userId="7880613d-1198-4bca-afa6-2725a9958330" providerId="ADAL" clId="{FF08786F-35DD-4FA5-91F3-FF8315EFC03A}" dt="2021-04-14T07:06:04.721" v="900" actId="478"/>
            <ac:spMkLst>
              <pc:docMk/>
              <pc:sldMasterMk cId="1571303548" sldId="2147483672"/>
              <pc:sldLayoutMk cId="3162365967" sldId="2147483741"/>
              <ac:spMk id="32" creationId="{9499EFE1-8CBA-423F-8122-58E739F6751B}"/>
            </ac:spMkLst>
          </pc:spChg>
          <pc:spChg chg="del">
            <ac:chgData name="Jonas Bratseth" userId="7880613d-1198-4bca-afa6-2725a9958330" providerId="ADAL" clId="{FF08786F-35DD-4FA5-91F3-FF8315EFC03A}" dt="2021-04-14T07:06:04.721" v="900" actId="478"/>
            <ac:spMkLst>
              <pc:docMk/>
              <pc:sldMasterMk cId="1571303548" sldId="2147483672"/>
              <pc:sldLayoutMk cId="3162365967" sldId="2147483741"/>
              <ac:spMk id="34" creationId="{4663B884-1B37-4D3C-BA4C-6E4DFDC6B7E9}"/>
            </ac:spMkLst>
          </pc:spChg>
          <pc:spChg chg="mod">
            <ac:chgData name="Jonas Bratseth" userId="7880613d-1198-4bca-afa6-2725a9958330" providerId="ADAL" clId="{FF08786F-35DD-4FA5-91F3-FF8315EFC03A}" dt="2021-04-14T07:06:11.907" v="910"/>
            <ac:spMkLst>
              <pc:docMk/>
              <pc:sldMasterMk cId="1571303548" sldId="2147483672"/>
              <pc:sldLayoutMk cId="3162365967" sldId="2147483741"/>
              <ac:spMk id="35" creationId="{752577FB-CDA8-4598-A000-21C8C2535458}"/>
            </ac:spMkLst>
          </pc:spChg>
          <pc:spChg chg="del">
            <ac:chgData name="Jonas Bratseth" userId="7880613d-1198-4bca-afa6-2725a9958330" providerId="ADAL" clId="{FF08786F-35DD-4FA5-91F3-FF8315EFC03A}" dt="2021-04-14T07:06:04.721" v="900" actId="478"/>
            <ac:spMkLst>
              <pc:docMk/>
              <pc:sldMasterMk cId="1571303548" sldId="2147483672"/>
              <pc:sldLayoutMk cId="3162365967" sldId="2147483741"/>
              <ac:spMk id="36" creationId="{D5AEE4FD-CC8C-4092-AAA0-989B431A8483}"/>
            </ac:spMkLst>
          </pc:spChg>
          <pc:spChg chg="del">
            <ac:chgData name="Jonas Bratseth" userId="7880613d-1198-4bca-afa6-2725a9958330" providerId="ADAL" clId="{FF08786F-35DD-4FA5-91F3-FF8315EFC03A}" dt="2021-04-14T07:06:04.721" v="900" actId="478"/>
            <ac:spMkLst>
              <pc:docMk/>
              <pc:sldMasterMk cId="1571303548" sldId="2147483672"/>
              <pc:sldLayoutMk cId="3162365967" sldId="2147483741"/>
              <ac:spMk id="41" creationId="{D5EB240A-3766-4487-8B37-EF0F3B69118B}"/>
            </ac:spMkLst>
          </pc:spChg>
          <pc:spChg chg="del">
            <ac:chgData name="Jonas Bratseth" userId="7880613d-1198-4bca-afa6-2725a9958330" providerId="ADAL" clId="{FF08786F-35DD-4FA5-91F3-FF8315EFC03A}" dt="2021-04-14T07:06:04.721" v="900" actId="478"/>
            <ac:spMkLst>
              <pc:docMk/>
              <pc:sldMasterMk cId="1571303548" sldId="2147483672"/>
              <pc:sldLayoutMk cId="3162365967" sldId="2147483741"/>
              <ac:spMk id="42" creationId="{E7A50160-9C8F-4AEA-B2A9-645F2215554C}"/>
            </ac:spMkLst>
          </pc:spChg>
          <pc:cxnChg chg="del">
            <ac:chgData name="Jonas Bratseth" userId="7880613d-1198-4bca-afa6-2725a9958330" providerId="ADAL" clId="{FF08786F-35DD-4FA5-91F3-FF8315EFC03A}" dt="2021-04-14T07:06:04.721" v="900" actId="478"/>
            <ac:cxnSpMkLst>
              <pc:docMk/>
              <pc:sldMasterMk cId="1571303548" sldId="2147483672"/>
              <pc:sldLayoutMk cId="3162365967" sldId="2147483741"/>
              <ac:cxnSpMk id="46" creationId="{07D70D71-7D65-456F-8918-0D83F0B88E9C}"/>
            </ac:cxnSpMkLst>
          </pc:cxnChg>
        </pc:sldLayoutChg>
        <pc:sldLayoutChg chg="addSp delSp modSp mod">
          <pc:chgData name="Jonas Bratseth" userId="7880613d-1198-4bca-afa6-2725a9958330" providerId="ADAL" clId="{FF08786F-35DD-4FA5-91F3-FF8315EFC03A}" dt="2021-04-23T11:48:59.337" v="1244" actId="167"/>
          <pc:sldLayoutMkLst>
            <pc:docMk/>
            <pc:sldMasterMk cId="1571303548" sldId="2147483672"/>
            <pc:sldLayoutMk cId="275918460" sldId="2147483742"/>
          </pc:sldLayoutMkLst>
          <pc:spChg chg="add mod ord">
            <ac:chgData name="Jonas Bratseth" userId="7880613d-1198-4bca-afa6-2725a9958330" providerId="ADAL" clId="{FF08786F-35DD-4FA5-91F3-FF8315EFC03A}" dt="2021-04-23T11:48:59.337" v="1244" actId="167"/>
            <ac:spMkLst>
              <pc:docMk/>
              <pc:sldMasterMk cId="1571303548" sldId="2147483672"/>
              <pc:sldLayoutMk cId="275918460" sldId="2147483742"/>
              <ac:spMk id="18" creationId="{5CF7FF69-CA9E-4BD9-80AF-99F9F21A1438}"/>
            </ac:spMkLst>
          </pc:spChg>
          <pc:spChg chg="del">
            <ac:chgData name="Jonas Bratseth" userId="7880613d-1198-4bca-afa6-2725a9958330" providerId="ADAL" clId="{FF08786F-35DD-4FA5-91F3-FF8315EFC03A}" dt="2021-04-23T11:48:56.951" v="1242" actId="478"/>
            <ac:spMkLst>
              <pc:docMk/>
              <pc:sldMasterMk cId="1571303548" sldId="2147483672"/>
              <pc:sldLayoutMk cId="275918460" sldId="2147483742"/>
              <ac:spMk id="20" creationId="{AC1B5946-BFD6-40B1-A104-411E61CBC47D}"/>
            </ac:spMkLst>
          </pc:spChg>
        </pc:sldLayoutChg>
        <pc:sldLayoutChg chg="addSp delSp modSp mod">
          <pc:chgData name="Jonas Bratseth" userId="7880613d-1198-4bca-afa6-2725a9958330" providerId="ADAL" clId="{FF08786F-35DD-4FA5-91F3-FF8315EFC03A}" dt="2021-04-23T11:49:08.314" v="1247" actId="167"/>
          <pc:sldLayoutMkLst>
            <pc:docMk/>
            <pc:sldMasterMk cId="1571303548" sldId="2147483672"/>
            <pc:sldLayoutMk cId="1237505033" sldId="2147483787"/>
          </pc:sldLayoutMkLst>
          <pc:spChg chg="del mod">
            <ac:chgData name="Jonas Bratseth" userId="7880613d-1198-4bca-afa6-2725a9958330" providerId="ADAL" clId="{FF08786F-35DD-4FA5-91F3-FF8315EFC03A}" dt="2021-04-23T11:49:05.281" v="1245" actId="478"/>
            <ac:spMkLst>
              <pc:docMk/>
              <pc:sldMasterMk cId="1571303548" sldId="2147483672"/>
              <pc:sldLayoutMk cId="1237505033" sldId="2147483787"/>
              <ac:spMk id="12" creationId="{98D9657F-90AA-40C4-9DD7-37C9539F7ACD}"/>
            </ac:spMkLst>
          </pc:spChg>
          <pc:spChg chg="add mod ord">
            <ac:chgData name="Jonas Bratseth" userId="7880613d-1198-4bca-afa6-2725a9958330" providerId="ADAL" clId="{FF08786F-35DD-4FA5-91F3-FF8315EFC03A}" dt="2021-04-23T11:49:08.314" v="1247" actId="167"/>
            <ac:spMkLst>
              <pc:docMk/>
              <pc:sldMasterMk cId="1571303548" sldId="2147483672"/>
              <pc:sldLayoutMk cId="1237505033" sldId="2147483787"/>
              <ac:spMk id="15" creationId="{408B9F34-CA18-491B-8812-2410665F78AF}"/>
            </ac:spMkLst>
          </pc:spChg>
        </pc:sldLayoutChg>
      </pc:sldMasterChg>
      <pc:sldMasterChg chg="modSp delSldLayout modSldLayout">
        <pc:chgData name="Jonas Bratseth" userId="7880613d-1198-4bca-afa6-2725a9958330" providerId="ADAL" clId="{FF08786F-35DD-4FA5-91F3-FF8315EFC03A}" dt="2021-04-28T09:15:10.211" v="1354" actId="2696"/>
        <pc:sldMasterMkLst>
          <pc:docMk/>
          <pc:sldMasterMk cId="3187493390" sldId="2147483680"/>
        </pc:sldMasterMkLst>
        <pc:spChg chg="mod">
          <ac:chgData name="Jonas Bratseth" userId="7880613d-1198-4bca-afa6-2725a9958330" providerId="ADAL" clId="{FF08786F-35DD-4FA5-91F3-FF8315EFC03A}" dt="2021-04-14T07:06:48.379" v="914" actId="12"/>
          <ac:spMkLst>
            <pc:docMk/>
            <pc:sldMasterMk cId="3187493390" sldId="2147483680"/>
            <ac:spMk id="9" creationId="{58F37BC3-C2C0-49FC-AF17-4DF1FED34D70}"/>
          </ac:spMkLst>
        </pc:spChg>
        <pc:sldLayoutChg chg="addSp delSp modSp mod">
          <pc:chgData name="Jonas Bratseth" userId="7880613d-1198-4bca-afa6-2725a9958330" providerId="ADAL" clId="{FF08786F-35DD-4FA5-91F3-FF8315EFC03A}" dt="2021-04-28T09:11:02.127" v="1348" actId="478"/>
          <pc:sldLayoutMkLst>
            <pc:docMk/>
            <pc:sldMasterMk cId="3187493390" sldId="2147483680"/>
            <pc:sldLayoutMk cId="3861079065" sldId="2147483681"/>
          </pc:sldLayoutMkLst>
          <pc:spChg chg="del">
            <ac:chgData name="Jonas Bratseth" userId="7880613d-1198-4bca-afa6-2725a9958330" providerId="ADAL" clId="{FF08786F-35DD-4FA5-91F3-FF8315EFC03A}" dt="2021-04-28T09:11:02.127" v="1348" actId="478"/>
            <ac:spMkLst>
              <pc:docMk/>
              <pc:sldMasterMk cId="3187493390" sldId="2147483680"/>
              <pc:sldLayoutMk cId="3861079065" sldId="2147483681"/>
              <ac:spMk id="10" creationId="{BA9FE935-F199-41D7-871A-24EC1D9C5AD9}"/>
            </ac:spMkLst>
          </pc:spChg>
          <pc:spChg chg="add del mod">
            <ac:chgData name="Jonas Bratseth" userId="7880613d-1198-4bca-afa6-2725a9958330" providerId="ADAL" clId="{FF08786F-35DD-4FA5-91F3-FF8315EFC03A}" dt="2021-04-23T11:41:14.839" v="1062" actId="478"/>
            <ac:spMkLst>
              <pc:docMk/>
              <pc:sldMasterMk cId="3187493390" sldId="2147483680"/>
              <pc:sldLayoutMk cId="3861079065" sldId="2147483681"/>
              <ac:spMk id="12" creationId="{263D9616-A24B-43F5-AD06-1550897B777C}"/>
            </ac:spMkLst>
          </pc:spChg>
        </pc:sldLayoutChg>
        <pc:sldLayoutChg chg="del">
          <pc:chgData name="Jonas Bratseth" userId="7880613d-1198-4bca-afa6-2725a9958330" providerId="ADAL" clId="{FF08786F-35DD-4FA5-91F3-FF8315EFC03A}" dt="2021-04-28T09:15:10.211" v="1354" actId="2696"/>
          <pc:sldLayoutMkLst>
            <pc:docMk/>
            <pc:sldMasterMk cId="3187493390" sldId="2147483680"/>
            <pc:sldLayoutMk cId="736186535" sldId="2147483682"/>
          </pc:sldLayoutMkLst>
        </pc:sldLayoutChg>
        <pc:sldLayoutChg chg="addSp delSp modSp mod">
          <pc:chgData name="Jonas Bratseth" userId="7880613d-1198-4bca-afa6-2725a9958330" providerId="ADAL" clId="{FF08786F-35DD-4FA5-91F3-FF8315EFC03A}" dt="2021-04-26T08:54:42.793" v="1336"/>
          <pc:sldLayoutMkLst>
            <pc:docMk/>
            <pc:sldMasterMk cId="3187493390" sldId="2147483680"/>
            <pc:sldLayoutMk cId="660796160" sldId="2147483683"/>
          </pc:sldLayoutMkLst>
          <pc:spChg chg="del">
            <ac:chgData name="Jonas Bratseth" userId="7880613d-1198-4bca-afa6-2725a9958330" providerId="ADAL" clId="{FF08786F-35DD-4FA5-91F3-FF8315EFC03A}" dt="2021-04-26T08:50:05.132" v="1319" actId="478"/>
            <ac:spMkLst>
              <pc:docMk/>
              <pc:sldMasterMk cId="3187493390" sldId="2147483680"/>
              <pc:sldLayoutMk cId="660796160" sldId="2147483683"/>
              <ac:spMk id="2" creationId="{A1E49F8F-D418-4FBA-825E-A63F2DDD8F1E}"/>
            </ac:spMkLst>
          </pc:spChg>
          <pc:spChg chg="del">
            <ac:chgData name="Jonas Bratseth" userId="7880613d-1198-4bca-afa6-2725a9958330" providerId="ADAL" clId="{FF08786F-35DD-4FA5-91F3-FF8315EFC03A}" dt="2021-04-26T08:50:06.341" v="1320" actId="478"/>
            <ac:spMkLst>
              <pc:docMk/>
              <pc:sldMasterMk cId="3187493390" sldId="2147483680"/>
              <pc:sldLayoutMk cId="660796160" sldId="2147483683"/>
              <ac:spMk id="3" creationId="{8637D6E0-F061-4BBC-8DBC-562373D266A8}"/>
            </ac:spMkLst>
          </pc:spChg>
          <pc:spChg chg="add del mod">
            <ac:chgData name="Jonas Bratseth" userId="7880613d-1198-4bca-afa6-2725a9958330" providerId="ADAL" clId="{FF08786F-35DD-4FA5-91F3-FF8315EFC03A}" dt="2021-04-26T08:54:38.036" v="1333" actId="478"/>
            <ac:spMkLst>
              <pc:docMk/>
              <pc:sldMasterMk cId="3187493390" sldId="2147483680"/>
              <pc:sldLayoutMk cId="660796160" sldId="2147483683"/>
              <ac:spMk id="9" creationId="{B7B9D675-B993-4332-AFE6-E754D32C93E9}"/>
            </ac:spMkLst>
          </pc:spChg>
          <pc:spChg chg="add del mod">
            <ac:chgData name="Jonas Bratseth" userId="7880613d-1198-4bca-afa6-2725a9958330" providerId="ADAL" clId="{FF08786F-35DD-4FA5-91F3-FF8315EFC03A}" dt="2021-04-26T08:54:38.916" v="1334" actId="478"/>
            <ac:spMkLst>
              <pc:docMk/>
              <pc:sldMasterMk cId="3187493390" sldId="2147483680"/>
              <pc:sldLayoutMk cId="660796160" sldId="2147483683"/>
              <ac:spMk id="10" creationId="{55A51906-2B1A-46C9-8E1E-DE2EFA7C4FB2}"/>
            </ac:spMkLst>
          </pc:spChg>
          <pc:spChg chg="add del mod">
            <ac:chgData name="Jonas Bratseth" userId="7880613d-1198-4bca-afa6-2725a9958330" providerId="ADAL" clId="{FF08786F-35DD-4FA5-91F3-FF8315EFC03A}" dt="2021-04-26T08:54:39.802" v="1335" actId="478"/>
            <ac:spMkLst>
              <pc:docMk/>
              <pc:sldMasterMk cId="3187493390" sldId="2147483680"/>
              <pc:sldLayoutMk cId="660796160" sldId="2147483683"/>
              <ac:spMk id="11" creationId="{8DD6F18E-6DA0-4830-935B-3654E5281A22}"/>
            </ac:spMkLst>
          </pc:spChg>
          <pc:spChg chg="add mod">
            <ac:chgData name="Jonas Bratseth" userId="7880613d-1198-4bca-afa6-2725a9958330" providerId="ADAL" clId="{FF08786F-35DD-4FA5-91F3-FF8315EFC03A}" dt="2021-04-26T08:54:42.793" v="1336"/>
            <ac:spMkLst>
              <pc:docMk/>
              <pc:sldMasterMk cId="3187493390" sldId="2147483680"/>
              <pc:sldLayoutMk cId="660796160" sldId="2147483683"/>
              <ac:spMk id="12" creationId="{9E037FDB-105B-4BDE-A10D-A541CB00C2BA}"/>
            </ac:spMkLst>
          </pc:spChg>
          <pc:spChg chg="add mod">
            <ac:chgData name="Jonas Bratseth" userId="7880613d-1198-4bca-afa6-2725a9958330" providerId="ADAL" clId="{FF08786F-35DD-4FA5-91F3-FF8315EFC03A}" dt="2021-04-26T08:54:42.793" v="1336"/>
            <ac:spMkLst>
              <pc:docMk/>
              <pc:sldMasterMk cId="3187493390" sldId="2147483680"/>
              <pc:sldLayoutMk cId="660796160" sldId="2147483683"/>
              <ac:spMk id="15" creationId="{1FAC7270-7163-457D-BD5C-6B865D68945D}"/>
            </ac:spMkLst>
          </pc:spChg>
          <pc:spChg chg="add mod">
            <ac:chgData name="Jonas Bratseth" userId="7880613d-1198-4bca-afa6-2725a9958330" providerId="ADAL" clId="{FF08786F-35DD-4FA5-91F3-FF8315EFC03A}" dt="2021-04-26T08:54:42.793" v="1336"/>
            <ac:spMkLst>
              <pc:docMk/>
              <pc:sldMasterMk cId="3187493390" sldId="2147483680"/>
              <pc:sldLayoutMk cId="660796160" sldId="2147483683"/>
              <ac:spMk id="16" creationId="{8DAB792D-3390-4701-BA52-510515F34603}"/>
            </ac:spMkLst>
          </pc:spChg>
        </pc:sldLayoutChg>
        <pc:sldLayoutChg chg="addSp delSp modSp mod">
          <pc:chgData name="Jonas Bratseth" userId="7880613d-1198-4bca-afa6-2725a9958330" providerId="ADAL" clId="{FF08786F-35DD-4FA5-91F3-FF8315EFC03A}" dt="2021-04-23T11:51:15.622" v="1257" actId="167"/>
          <pc:sldLayoutMkLst>
            <pc:docMk/>
            <pc:sldMasterMk cId="3187493390" sldId="2147483680"/>
            <pc:sldLayoutMk cId="597010272" sldId="2147483684"/>
          </pc:sldLayoutMkLst>
          <pc:spChg chg="add del mod">
            <ac:chgData name="Jonas Bratseth" userId="7880613d-1198-4bca-afa6-2725a9958330" providerId="ADAL" clId="{FF08786F-35DD-4FA5-91F3-FF8315EFC03A}" dt="2021-04-23T11:51:10.689" v="1254" actId="478"/>
            <ac:spMkLst>
              <pc:docMk/>
              <pc:sldMasterMk cId="3187493390" sldId="2147483680"/>
              <pc:sldLayoutMk cId="597010272" sldId="2147483684"/>
              <ac:spMk id="7" creationId="{4EF33EAE-A3B3-4723-BD3E-562E6BABDA18}"/>
            </ac:spMkLst>
          </pc:spChg>
          <pc:spChg chg="add mod ord">
            <ac:chgData name="Jonas Bratseth" userId="7880613d-1198-4bca-afa6-2725a9958330" providerId="ADAL" clId="{FF08786F-35DD-4FA5-91F3-FF8315EFC03A}" dt="2021-04-23T11:51:15.622" v="1257" actId="167"/>
            <ac:spMkLst>
              <pc:docMk/>
              <pc:sldMasterMk cId="3187493390" sldId="2147483680"/>
              <pc:sldLayoutMk cId="597010272" sldId="2147483684"/>
              <ac:spMk id="8" creationId="{1C4EEE55-4E46-4205-84C9-1290ECE2306F}"/>
            </ac:spMkLst>
          </pc:spChg>
          <pc:spChg chg="del">
            <ac:chgData name="Jonas Bratseth" userId="7880613d-1198-4bca-afa6-2725a9958330" providerId="ADAL" clId="{FF08786F-35DD-4FA5-91F3-FF8315EFC03A}" dt="2021-04-23T11:51:10.164" v="1253" actId="478"/>
            <ac:spMkLst>
              <pc:docMk/>
              <pc:sldMasterMk cId="3187493390" sldId="2147483680"/>
              <pc:sldLayoutMk cId="597010272" sldId="2147483684"/>
              <ac:spMk id="11" creationId="{AE3C12E5-2F4F-4D23-91A9-A0907C2B0531}"/>
            </ac:spMkLst>
          </pc:spChg>
        </pc:sldLayoutChg>
        <pc:sldLayoutChg chg="addSp delSp modSp mod">
          <pc:chgData name="Jonas Bratseth" userId="7880613d-1198-4bca-afa6-2725a9958330" providerId="ADAL" clId="{FF08786F-35DD-4FA5-91F3-FF8315EFC03A}" dt="2021-04-26T06:11:26.887" v="1296" actId="167"/>
          <pc:sldLayoutMkLst>
            <pc:docMk/>
            <pc:sldMasterMk cId="3187493390" sldId="2147483680"/>
            <pc:sldLayoutMk cId="4177452680" sldId="2147483685"/>
          </pc:sldLayoutMkLst>
          <pc:spChg chg="add del mod ord">
            <ac:chgData name="Jonas Bratseth" userId="7880613d-1198-4bca-afa6-2725a9958330" providerId="ADAL" clId="{FF08786F-35DD-4FA5-91F3-FF8315EFC03A}" dt="2021-04-26T06:11:24.457" v="1294" actId="478"/>
            <ac:spMkLst>
              <pc:docMk/>
              <pc:sldMasterMk cId="3187493390" sldId="2147483680"/>
              <pc:sldLayoutMk cId="4177452680" sldId="2147483685"/>
              <ac:spMk id="8" creationId="{3904B52A-6692-4680-9BB2-548A7CB0C51E}"/>
            </ac:spMkLst>
          </pc:spChg>
          <pc:spChg chg="add mod ord">
            <ac:chgData name="Jonas Bratseth" userId="7880613d-1198-4bca-afa6-2725a9958330" providerId="ADAL" clId="{FF08786F-35DD-4FA5-91F3-FF8315EFC03A}" dt="2021-04-26T06:11:26.887" v="1296" actId="167"/>
            <ac:spMkLst>
              <pc:docMk/>
              <pc:sldMasterMk cId="3187493390" sldId="2147483680"/>
              <pc:sldLayoutMk cId="4177452680" sldId="2147483685"/>
              <ac:spMk id="10" creationId="{0B3C5F1A-6408-4098-96AF-6FC0AD1AFDB6}"/>
            </ac:spMkLst>
          </pc:spChg>
          <pc:spChg chg="del">
            <ac:chgData name="Jonas Bratseth" userId="7880613d-1198-4bca-afa6-2725a9958330" providerId="ADAL" clId="{FF08786F-35DD-4FA5-91F3-FF8315EFC03A}" dt="2021-04-23T11:51:18.974" v="1258" actId="478"/>
            <ac:spMkLst>
              <pc:docMk/>
              <pc:sldMasterMk cId="3187493390" sldId="2147483680"/>
              <pc:sldLayoutMk cId="4177452680" sldId="2147483685"/>
              <ac:spMk id="11" creationId="{AE3C12E5-2F4F-4D23-91A9-A0907C2B0531}"/>
            </ac:spMkLst>
          </pc:spChg>
        </pc:sldLayoutChg>
        <pc:sldLayoutChg chg="addSp delSp modSp mod">
          <pc:chgData name="Jonas Bratseth" userId="7880613d-1198-4bca-afa6-2725a9958330" providerId="ADAL" clId="{FF08786F-35DD-4FA5-91F3-FF8315EFC03A}" dt="2021-04-26T08:54:48.190" v="1340"/>
          <pc:sldLayoutMkLst>
            <pc:docMk/>
            <pc:sldMasterMk cId="3187493390" sldId="2147483680"/>
            <pc:sldLayoutMk cId="2581273029" sldId="2147483691"/>
          </pc:sldLayoutMkLst>
          <pc:spChg chg="del">
            <ac:chgData name="Jonas Bratseth" userId="7880613d-1198-4bca-afa6-2725a9958330" providerId="ADAL" clId="{FF08786F-35DD-4FA5-91F3-FF8315EFC03A}" dt="2021-04-26T08:50:09.499" v="1322" actId="478"/>
            <ac:spMkLst>
              <pc:docMk/>
              <pc:sldMasterMk cId="3187493390" sldId="2147483680"/>
              <pc:sldLayoutMk cId="2581273029" sldId="2147483691"/>
              <ac:spMk id="2" creationId="{A1E49F8F-D418-4FBA-825E-A63F2DDD8F1E}"/>
            </ac:spMkLst>
          </pc:spChg>
          <pc:spChg chg="del">
            <ac:chgData name="Jonas Bratseth" userId="7880613d-1198-4bca-afa6-2725a9958330" providerId="ADAL" clId="{FF08786F-35DD-4FA5-91F3-FF8315EFC03A}" dt="2021-04-26T08:50:10.913" v="1323" actId="478"/>
            <ac:spMkLst>
              <pc:docMk/>
              <pc:sldMasterMk cId="3187493390" sldId="2147483680"/>
              <pc:sldLayoutMk cId="2581273029" sldId="2147483691"/>
              <ac:spMk id="3" creationId="{8637D6E0-F061-4BBC-8DBC-562373D266A8}"/>
            </ac:spMkLst>
          </pc:spChg>
          <pc:spChg chg="add del mod">
            <ac:chgData name="Jonas Bratseth" userId="7880613d-1198-4bca-afa6-2725a9958330" providerId="ADAL" clId="{FF08786F-35DD-4FA5-91F3-FF8315EFC03A}" dt="2021-04-26T08:54:47.491" v="1339" actId="478"/>
            <ac:spMkLst>
              <pc:docMk/>
              <pc:sldMasterMk cId="3187493390" sldId="2147483680"/>
              <pc:sldLayoutMk cId="2581273029" sldId="2147483691"/>
              <ac:spMk id="8" creationId="{CD232AF1-C11C-4D6F-B7AE-217B3A0DD2CE}"/>
            </ac:spMkLst>
          </pc:spChg>
          <pc:spChg chg="add del mod">
            <ac:chgData name="Jonas Bratseth" userId="7880613d-1198-4bca-afa6-2725a9958330" providerId="ADAL" clId="{FF08786F-35DD-4FA5-91F3-FF8315EFC03A}" dt="2021-04-26T08:54:45.428" v="1337" actId="478"/>
            <ac:spMkLst>
              <pc:docMk/>
              <pc:sldMasterMk cId="3187493390" sldId="2147483680"/>
              <pc:sldLayoutMk cId="2581273029" sldId="2147483691"/>
              <ac:spMk id="9" creationId="{BE050F27-1718-46B7-B25E-5A1F9CDC8174}"/>
            </ac:spMkLst>
          </pc:spChg>
          <pc:spChg chg="add del mod">
            <ac:chgData name="Jonas Bratseth" userId="7880613d-1198-4bca-afa6-2725a9958330" providerId="ADAL" clId="{FF08786F-35DD-4FA5-91F3-FF8315EFC03A}" dt="2021-04-26T08:54:46.560" v="1338" actId="478"/>
            <ac:spMkLst>
              <pc:docMk/>
              <pc:sldMasterMk cId="3187493390" sldId="2147483680"/>
              <pc:sldLayoutMk cId="2581273029" sldId="2147483691"/>
              <ac:spMk id="10" creationId="{3BF6DF24-F68B-43F2-91D2-8F1F75094A06}"/>
            </ac:spMkLst>
          </pc:spChg>
          <pc:spChg chg="add mod">
            <ac:chgData name="Jonas Bratseth" userId="7880613d-1198-4bca-afa6-2725a9958330" providerId="ADAL" clId="{FF08786F-35DD-4FA5-91F3-FF8315EFC03A}" dt="2021-04-26T08:54:48.190" v="1340"/>
            <ac:spMkLst>
              <pc:docMk/>
              <pc:sldMasterMk cId="3187493390" sldId="2147483680"/>
              <pc:sldLayoutMk cId="2581273029" sldId="2147483691"/>
              <ac:spMk id="11" creationId="{B8C39887-86FF-4030-BA98-D7D2BDB86294}"/>
            </ac:spMkLst>
          </pc:spChg>
          <pc:spChg chg="add mod">
            <ac:chgData name="Jonas Bratseth" userId="7880613d-1198-4bca-afa6-2725a9958330" providerId="ADAL" clId="{FF08786F-35DD-4FA5-91F3-FF8315EFC03A}" dt="2021-04-26T08:54:48.190" v="1340"/>
            <ac:spMkLst>
              <pc:docMk/>
              <pc:sldMasterMk cId="3187493390" sldId="2147483680"/>
              <pc:sldLayoutMk cId="2581273029" sldId="2147483691"/>
              <ac:spMk id="12" creationId="{B44766F0-8E9C-4219-AE4F-DB1298079BBE}"/>
            </ac:spMkLst>
          </pc:spChg>
          <pc:spChg chg="add mod">
            <ac:chgData name="Jonas Bratseth" userId="7880613d-1198-4bca-afa6-2725a9958330" providerId="ADAL" clId="{FF08786F-35DD-4FA5-91F3-FF8315EFC03A}" dt="2021-04-26T08:54:48.190" v="1340"/>
            <ac:spMkLst>
              <pc:docMk/>
              <pc:sldMasterMk cId="3187493390" sldId="2147483680"/>
              <pc:sldLayoutMk cId="2581273029" sldId="2147483691"/>
              <ac:spMk id="15" creationId="{1F14A4D1-71DD-4A5A-9DD5-C29D6724E397}"/>
            </ac:spMkLst>
          </pc:spChg>
        </pc:sldLayoutChg>
        <pc:sldLayoutChg chg="addSp delSp modSp mod">
          <pc:chgData name="Jonas Bratseth" userId="7880613d-1198-4bca-afa6-2725a9958330" providerId="ADAL" clId="{FF08786F-35DD-4FA5-91F3-FF8315EFC03A}" dt="2021-04-23T11:51:38.585" v="1269" actId="167"/>
          <pc:sldLayoutMkLst>
            <pc:docMk/>
            <pc:sldMasterMk cId="3187493390" sldId="2147483680"/>
            <pc:sldLayoutMk cId="2249116253" sldId="2147483695"/>
          </pc:sldLayoutMkLst>
          <pc:spChg chg="add mod ord">
            <ac:chgData name="Jonas Bratseth" userId="7880613d-1198-4bca-afa6-2725a9958330" providerId="ADAL" clId="{FF08786F-35DD-4FA5-91F3-FF8315EFC03A}" dt="2021-04-23T11:51:38.585" v="1269" actId="167"/>
            <ac:spMkLst>
              <pc:docMk/>
              <pc:sldMasterMk cId="3187493390" sldId="2147483680"/>
              <pc:sldLayoutMk cId="2249116253" sldId="2147483695"/>
              <ac:spMk id="13" creationId="{94E2699D-53DF-4D78-A9B2-657299B5D442}"/>
            </ac:spMkLst>
          </pc:spChg>
          <pc:spChg chg="del">
            <ac:chgData name="Jonas Bratseth" userId="7880613d-1198-4bca-afa6-2725a9958330" providerId="ADAL" clId="{FF08786F-35DD-4FA5-91F3-FF8315EFC03A}" dt="2021-04-23T11:51:35.626" v="1267" actId="478"/>
            <ac:spMkLst>
              <pc:docMk/>
              <pc:sldMasterMk cId="3187493390" sldId="2147483680"/>
              <pc:sldLayoutMk cId="2249116253" sldId="2147483695"/>
              <ac:spMk id="16" creationId="{37F2F130-96B9-4E39-BAD7-B47E2B08EF21}"/>
            </ac:spMkLst>
          </pc:spChg>
        </pc:sldLayoutChg>
        <pc:sldLayoutChg chg="addSp delSp modSp mod">
          <pc:chgData name="Jonas Bratseth" userId="7880613d-1198-4bca-afa6-2725a9958330" providerId="ADAL" clId="{FF08786F-35DD-4FA5-91F3-FF8315EFC03A}" dt="2021-04-23T12:01:43.242" v="1290" actId="167"/>
          <pc:sldLayoutMkLst>
            <pc:docMk/>
            <pc:sldMasterMk cId="3187493390" sldId="2147483680"/>
            <pc:sldLayoutMk cId="3521125847" sldId="2147483703"/>
          </pc:sldLayoutMkLst>
          <pc:spChg chg="del">
            <ac:chgData name="Jonas Bratseth" userId="7880613d-1198-4bca-afa6-2725a9958330" providerId="ADAL" clId="{FF08786F-35DD-4FA5-91F3-FF8315EFC03A}" dt="2021-04-23T12:01:40.985" v="1288" actId="478"/>
            <ac:spMkLst>
              <pc:docMk/>
              <pc:sldMasterMk cId="3187493390" sldId="2147483680"/>
              <pc:sldLayoutMk cId="3521125847" sldId="2147483703"/>
              <ac:spMk id="4" creationId="{5C77A572-ACD6-42E7-B09B-4CCFBF36569D}"/>
            </ac:spMkLst>
          </pc:spChg>
          <pc:spChg chg="add mod ord">
            <ac:chgData name="Jonas Bratseth" userId="7880613d-1198-4bca-afa6-2725a9958330" providerId="ADAL" clId="{FF08786F-35DD-4FA5-91F3-FF8315EFC03A}" dt="2021-04-23T12:01:43.242" v="1290" actId="167"/>
            <ac:spMkLst>
              <pc:docMk/>
              <pc:sldMasterMk cId="3187493390" sldId="2147483680"/>
              <pc:sldLayoutMk cId="3521125847" sldId="2147483703"/>
              <ac:spMk id="8" creationId="{1616B51D-CD6E-409B-8889-951D1E6807E5}"/>
            </ac:spMkLst>
          </pc:spChg>
        </pc:sldLayoutChg>
        <pc:sldLayoutChg chg="addSp delSp modSp mod">
          <pc:chgData name="Jonas Bratseth" userId="7880613d-1198-4bca-afa6-2725a9958330" providerId="ADAL" clId="{FF08786F-35DD-4FA5-91F3-FF8315EFC03A}" dt="2021-04-23T11:51:44.392" v="1272" actId="167"/>
          <pc:sldLayoutMkLst>
            <pc:docMk/>
            <pc:sldMasterMk cId="3187493390" sldId="2147483680"/>
            <pc:sldLayoutMk cId="612612124" sldId="2147483729"/>
          </pc:sldLayoutMkLst>
          <pc:spChg chg="add mod ord">
            <ac:chgData name="Jonas Bratseth" userId="7880613d-1198-4bca-afa6-2725a9958330" providerId="ADAL" clId="{FF08786F-35DD-4FA5-91F3-FF8315EFC03A}" dt="2021-04-23T11:51:44.392" v="1272" actId="167"/>
            <ac:spMkLst>
              <pc:docMk/>
              <pc:sldMasterMk cId="3187493390" sldId="2147483680"/>
              <pc:sldLayoutMk cId="612612124" sldId="2147483729"/>
              <ac:spMk id="15" creationId="{508FA48D-5A0A-444D-A93F-1AA25D763035}"/>
            </ac:spMkLst>
          </pc:spChg>
          <pc:spChg chg="del">
            <ac:chgData name="Jonas Bratseth" userId="7880613d-1198-4bca-afa6-2725a9958330" providerId="ADAL" clId="{FF08786F-35DD-4FA5-91F3-FF8315EFC03A}" dt="2021-04-23T11:51:41.348" v="1270" actId="478"/>
            <ac:spMkLst>
              <pc:docMk/>
              <pc:sldMasterMk cId="3187493390" sldId="2147483680"/>
              <pc:sldLayoutMk cId="612612124" sldId="2147483729"/>
              <ac:spMk id="18" creationId="{328975A5-8F66-4443-899F-ECAAB50FF85A}"/>
            </ac:spMkLst>
          </pc:spChg>
        </pc:sldLayoutChg>
        <pc:sldLayoutChg chg="addSp delSp modSp mod">
          <pc:chgData name="Jonas Bratseth" userId="7880613d-1198-4bca-afa6-2725a9958330" providerId="ADAL" clId="{FF08786F-35DD-4FA5-91F3-FF8315EFC03A}" dt="2021-04-23T12:01:15.065" v="1275" actId="167"/>
          <pc:sldLayoutMkLst>
            <pc:docMk/>
            <pc:sldMasterMk cId="3187493390" sldId="2147483680"/>
            <pc:sldLayoutMk cId="1721963667" sldId="2147483730"/>
          </pc:sldLayoutMkLst>
          <pc:spChg chg="add mod ord">
            <ac:chgData name="Jonas Bratseth" userId="7880613d-1198-4bca-afa6-2725a9958330" providerId="ADAL" clId="{FF08786F-35DD-4FA5-91F3-FF8315EFC03A}" dt="2021-04-23T12:01:15.065" v="1275" actId="167"/>
            <ac:spMkLst>
              <pc:docMk/>
              <pc:sldMasterMk cId="3187493390" sldId="2147483680"/>
              <pc:sldLayoutMk cId="1721963667" sldId="2147483730"/>
              <ac:spMk id="16" creationId="{AF9463BF-9611-4FCA-A904-40D95FB42B30}"/>
            </ac:spMkLst>
          </pc:spChg>
          <pc:spChg chg="del">
            <ac:chgData name="Jonas Bratseth" userId="7880613d-1198-4bca-afa6-2725a9958330" providerId="ADAL" clId="{FF08786F-35DD-4FA5-91F3-FF8315EFC03A}" dt="2021-04-23T12:01:12.376" v="1273" actId="478"/>
            <ac:spMkLst>
              <pc:docMk/>
              <pc:sldMasterMk cId="3187493390" sldId="2147483680"/>
              <pc:sldLayoutMk cId="1721963667" sldId="2147483730"/>
              <ac:spMk id="20" creationId="{526315F1-9453-435E-AEA2-FA55B81D4DD5}"/>
            </ac:spMkLst>
          </pc:spChg>
        </pc:sldLayoutChg>
        <pc:sldLayoutChg chg="addSp delSp modSp mod">
          <pc:chgData name="Jonas Bratseth" userId="7880613d-1198-4bca-afa6-2725a9958330" providerId="ADAL" clId="{FF08786F-35DD-4FA5-91F3-FF8315EFC03A}" dt="2021-04-23T11:51:27.604" v="1263" actId="167"/>
          <pc:sldLayoutMkLst>
            <pc:docMk/>
            <pc:sldMasterMk cId="3187493390" sldId="2147483680"/>
            <pc:sldLayoutMk cId="3940216924" sldId="2147483743"/>
          </pc:sldLayoutMkLst>
          <pc:spChg chg="del">
            <ac:chgData name="Jonas Bratseth" userId="7880613d-1198-4bca-afa6-2725a9958330" providerId="ADAL" clId="{FF08786F-35DD-4FA5-91F3-FF8315EFC03A}" dt="2021-04-23T11:51:24.120" v="1261" actId="478"/>
            <ac:spMkLst>
              <pc:docMk/>
              <pc:sldMasterMk cId="3187493390" sldId="2147483680"/>
              <pc:sldLayoutMk cId="3940216924" sldId="2147483743"/>
              <ac:spMk id="6" creationId="{7644BE22-FE64-415A-82E1-57F426B630DE}"/>
            </ac:spMkLst>
          </pc:spChg>
          <pc:spChg chg="add mod ord">
            <ac:chgData name="Jonas Bratseth" userId="7880613d-1198-4bca-afa6-2725a9958330" providerId="ADAL" clId="{FF08786F-35DD-4FA5-91F3-FF8315EFC03A}" dt="2021-04-23T11:51:27.604" v="1263" actId="167"/>
            <ac:spMkLst>
              <pc:docMk/>
              <pc:sldMasterMk cId="3187493390" sldId="2147483680"/>
              <pc:sldLayoutMk cId="3940216924" sldId="2147483743"/>
              <ac:spMk id="10" creationId="{5CD7B0C3-2697-4946-8F40-CCF394F9F026}"/>
            </ac:spMkLst>
          </pc:spChg>
        </pc:sldLayoutChg>
        <pc:sldLayoutChg chg="addSp delSp modSp mod">
          <pc:chgData name="Jonas Bratseth" userId="7880613d-1198-4bca-afa6-2725a9958330" providerId="ADAL" clId="{FF08786F-35DD-4FA5-91F3-FF8315EFC03A}" dt="2021-04-23T11:51:32.378" v="1266" actId="167"/>
          <pc:sldLayoutMkLst>
            <pc:docMk/>
            <pc:sldMasterMk cId="3187493390" sldId="2147483680"/>
            <pc:sldLayoutMk cId="2160389741" sldId="2147483744"/>
          </pc:sldLayoutMkLst>
          <pc:spChg chg="del">
            <ac:chgData name="Jonas Bratseth" userId="7880613d-1198-4bca-afa6-2725a9958330" providerId="ADAL" clId="{FF08786F-35DD-4FA5-91F3-FF8315EFC03A}" dt="2021-04-23T11:51:30.104" v="1264" actId="478"/>
            <ac:spMkLst>
              <pc:docMk/>
              <pc:sldMasterMk cId="3187493390" sldId="2147483680"/>
              <pc:sldLayoutMk cId="2160389741" sldId="2147483744"/>
              <ac:spMk id="10" creationId="{7C013883-E97D-43E6-B184-0B89BF36D874}"/>
            </ac:spMkLst>
          </pc:spChg>
          <pc:spChg chg="add mod ord">
            <ac:chgData name="Jonas Bratseth" userId="7880613d-1198-4bca-afa6-2725a9958330" providerId="ADAL" clId="{FF08786F-35DD-4FA5-91F3-FF8315EFC03A}" dt="2021-04-23T11:51:32.378" v="1266" actId="167"/>
            <ac:spMkLst>
              <pc:docMk/>
              <pc:sldMasterMk cId="3187493390" sldId="2147483680"/>
              <pc:sldLayoutMk cId="2160389741" sldId="2147483744"/>
              <ac:spMk id="13" creationId="{A27D1D27-C10F-42B6-8E25-F990C63B7924}"/>
            </ac:spMkLst>
          </pc:spChg>
        </pc:sldLayoutChg>
        <pc:sldLayoutChg chg="addSp delSp modSp mod">
          <pc:chgData name="Jonas Bratseth" userId="7880613d-1198-4bca-afa6-2725a9958330" providerId="ADAL" clId="{FF08786F-35DD-4FA5-91F3-FF8315EFC03A}" dt="2021-04-23T12:01:24.209" v="1278" actId="167"/>
          <pc:sldLayoutMkLst>
            <pc:docMk/>
            <pc:sldMasterMk cId="3187493390" sldId="2147483680"/>
            <pc:sldLayoutMk cId="3914837304" sldId="2147483745"/>
          </pc:sldLayoutMkLst>
          <pc:spChg chg="del">
            <ac:chgData name="Jonas Bratseth" userId="7880613d-1198-4bca-afa6-2725a9958330" providerId="ADAL" clId="{FF08786F-35DD-4FA5-91F3-FF8315EFC03A}" dt="2021-04-23T12:01:21.695" v="1276" actId="478"/>
            <ac:spMkLst>
              <pc:docMk/>
              <pc:sldMasterMk cId="3187493390" sldId="2147483680"/>
              <pc:sldLayoutMk cId="3914837304" sldId="2147483745"/>
              <ac:spMk id="8" creationId="{DA67FE83-5DC7-4783-8255-88F8A967B2A5}"/>
            </ac:spMkLst>
          </pc:spChg>
          <pc:spChg chg="add mod ord">
            <ac:chgData name="Jonas Bratseth" userId="7880613d-1198-4bca-afa6-2725a9958330" providerId="ADAL" clId="{FF08786F-35DD-4FA5-91F3-FF8315EFC03A}" dt="2021-04-23T12:01:24.209" v="1278" actId="167"/>
            <ac:spMkLst>
              <pc:docMk/>
              <pc:sldMasterMk cId="3187493390" sldId="2147483680"/>
              <pc:sldLayoutMk cId="3914837304" sldId="2147483745"/>
              <ac:spMk id="14" creationId="{E0948455-6B92-416A-A5C5-D13B7F0F7BD7}"/>
            </ac:spMkLst>
          </pc:spChg>
        </pc:sldLayoutChg>
        <pc:sldLayoutChg chg="addSp delSp modSp mod">
          <pc:chgData name="Jonas Bratseth" userId="7880613d-1198-4bca-afa6-2725a9958330" providerId="ADAL" clId="{FF08786F-35DD-4FA5-91F3-FF8315EFC03A}" dt="2021-04-23T12:01:28.656" v="1281" actId="167"/>
          <pc:sldLayoutMkLst>
            <pc:docMk/>
            <pc:sldMasterMk cId="3187493390" sldId="2147483680"/>
            <pc:sldLayoutMk cId="816892688" sldId="2147483746"/>
          </pc:sldLayoutMkLst>
          <pc:spChg chg="add mod ord">
            <ac:chgData name="Jonas Bratseth" userId="7880613d-1198-4bca-afa6-2725a9958330" providerId="ADAL" clId="{FF08786F-35DD-4FA5-91F3-FF8315EFC03A}" dt="2021-04-23T12:01:28.656" v="1281" actId="167"/>
            <ac:spMkLst>
              <pc:docMk/>
              <pc:sldMasterMk cId="3187493390" sldId="2147483680"/>
              <pc:sldLayoutMk cId="816892688" sldId="2147483746"/>
              <ac:spMk id="14" creationId="{D4C7EB17-49CD-4802-9E65-5D00F307D2C2}"/>
            </ac:spMkLst>
          </pc:spChg>
          <pc:spChg chg="del">
            <ac:chgData name="Jonas Bratseth" userId="7880613d-1198-4bca-afa6-2725a9958330" providerId="ADAL" clId="{FF08786F-35DD-4FA5-91F3-FF8315EFC03A}" dt="2021-04-23T12:01:26.003" v="1279" actId="478"/>
            <ac:spMkLst>
              <pc:docMk/>
              <pc:sldMasterMk cId="3187493390" sldId="2147483680"/>
              <pc:sldLayoutMk cId="816892688" sldId="2147483746"/>
              <ac:spMk id="18" creationId="{71F87A5E-1300-4E96-AF48-FE64EB03BE75}"/>
            </ac:spMkLst>
          </pc:spChg>
          <pc:spChg chg="mod">
            <ac:chgData name="Jonas Bratseth" userId="7880613d-1198-4bca-afa6-2725a9958330" providerId="ADAL" clId="{FF08786F-35DD-4FA5-91F3-FF8315EFC03A}" dt="2021-04-14T07:09:26.215" v="947"/>
            <ac:spMkLst>
              <pc:docMk/>
              <pc:sldMasterMk cId="3187493390" sldId="2147483680"/>
              <pc:sldLayoutMk cId="816892688" sldId="2147483746"/>
              <ac:spMk id="25" creationId="{0162996C-1B26-43A7-961C-49071E860FE8}"/>
            </ac:spMkLst>
          </pc:spChg>
          <pc:spChg chg="mod">
            <ac:chgData name="Jonas Bratseth" userId="7880613d-1198-4bca-afa6-2725a9958330" providerId="ADAL" clId="{FF08786F-35DD-4FA5-91F3-FF8315EFC03A}" dt="2021-04-14T07:09:26.215" v="951"/>
            <ac:spMkLst>
              <pc:docMk/>
              <pc:sldMasterMk cId="3187493390" sldId="2147483680"/>
              <pc:sldLayoutMk cId="816892688" sldId="2147483746"/>
              <ac:spMk id="29" creationId="{89C3D278-CD6A-457C-9885-46C0CCA9194B}"/>
            </ac:spMkLst>
          </pc:spChg>
          <pc:spChg chg="mod">
            <ac:chgData name="Jonas Bratseth" userId="7880613d-1198-4bca-afa6-2725a9958330" providerId="ADAL" clId="{FF08786F-35DD-4FA5-91F3-FF8315EFC03A}" dt="2021-04-14T07:09:26.215" v="955"/>
            <ac:spMkLst>
              <pc:docMk/>
              <pc:sldMasterMk cId="3187493390" sldId="2147483680"/>
              <pc:sldLayoutMk cId="816892688" sldId="2147483746"/>
              <ac:spMk id="31" creationId="{6A798247-A50A-4CDA-A213-AFA93BA8869E}"/>
            </ac:spMkLst>
          </pc:spChg>
          <pc:spChg chg="del">
            <ac:chgData name="Jonas Bratseth" userId="7880613d-1198-4bca-afa6-2725a9958330" providerId="ADAL" clId="{FF08786F-35DD-4FA5-91F3-FF8315EFC03A}" dt="2021-04-14T07:08:31.975" v="918" actId="478"/>
            <ac:spMkLst>
              <pc:docMk/>
              <pc:sldMasterMk cId="3187493390" sldId="2147483680"/>
              <pc:sldLayoutMk cId="816892688" sldId="2147483746"/>
              <ac:spMk id="32" creationId="{9499EFE1-8CBA-423F-8122-58E739F6751B}"/>
            </ac:spMkLst>
          </pc:spChg>
          <pc:spChg chg="del">
            <ac:chgData name="Jonas Bratseth" userId="7880613d-1198-4bca-afa6-2725a9958330" providerId="ADAL" clId="{FF08786F-35DD-4FA5-91F3-FF8315EFC03A}" dt="2021-04-14T07:08:31.975" v="918" actId="478"/>
            <ac:spMkLst>
              <pc:docMk/>
              <pc:sldMasterMk cId="3187493390" sldId="2147483680"/>
              <pc:sldLayoutMk cId="816892688" sldId="2147483746"/>
              <ac:spMk id="34" creationId="{4663B884-1B37-4D3C-BA4C-6E4DFDC6B7E9}"/>
            </ac:spMkLst>
          </pc:spChg>
          <pc:spChg chg="mod">
            <ac:chgData name="Jonas Bratseth" userId="7880613d-1198-4bca-afa6-2725a9958330" providerId="ADAL" clId="{FF08786F-35DD-4FA5-91F3-FF8315EFC03A}" dt="2021-04-14T07:09:26.215" v="959"/>
            <ac:spMkLst>
              <pc:docMk/>
              <pc:sldMasterMk cId="3187493390" sldId="2147483680"/>
              <pc:sldLayoutMk cId="816892688" sldId="2147483746"/>
              <ac:spMk id="35" creationId="{6E1031E6-665F-444C-BCC3-43C37743A121}"/>
            </ac:spMkLst>
          </pc:spChg>
          <pc:spChg chg="del">
            <ac:chgData name="Jonas Bratseth" userId="7880613d-1198-4bca-afa6-2725a9958330" providerId="ADAL" clId="{FF08786F-35DD-4FA5-91F3-FF8315EFC03A}" dt="2021-04-14T07:08:31.975" v="918" actId="478"/>
            <ac:spMkLst>
              <pc:docMk/>
              <pc:sldMasterMk cId="3187493390" sldId="2147483680"/>
              <pc:sldLayoutMk cId="816892688" sldId="2147483746"/>
              <ac:spMk id="36" creationId="{D5AEE4FD-CC8C-4092-AAA0-989B431A8483}"/>
            </ac:spMkLst>
          </pc:spChg>
          <pc:spChg chg="del">
            <ac:chgData name="Jonas Bratseth" userId="7880613d-1198-4bca-afa6-2725a9958330" providerId="ADAL" clId="{FF08786F-35DD-4FA5-91F3-FF8315EFC03A}" dt="2021-04-14T07:08:31.975" v="918" actId="478"/>
            <ac:spMkLst>
              <pc:docMk/>
              <pc:sldMasterMk cId="3187493390" sldId="2147483680"/>
              <pc:sldLayoutMk cId="816892688" sldId="2147483746"/>
              <ac:spMk id="41" creationId="{D5EB240A-3766-4487-8B37-EF0F3B69118B}"/>
            </ac:spMkLst>
          </pc:spChg>
          <pc:spChg chg="del">
            <ac:chgData name="Jonas Bratseth" userId="7880613d-1198-4bca-afa6-2725a9958330" providerId="ADAL" clId="{FF08786F-35DD-4FA5-91F3-FF8315EFC03A}" dt="2021-04-14T07:08:31.975" v="918" actId="478"/>
            <ac:spMkLst>
              <pc:docMk/>
              <pc:sldMasterMk cId="3187493390" sldId="2147483680"/>
              <pc:sldLayoutMk cId="816892688" sldId="2147483746"/>
              <ac:spMk id="42" creationId="{E7A50160-9C8F-4AEA-B2A9-645F2215554C}"/>
            </ac:spMkLst>
          </pc:spChg>
          <pc:cxnChg chg="del">
            <ac:chgData name="Jonas Bratseth" userId="7880613d-1198-4bca-afa6-2725a9958330" providerId="ADAL" clId="{FF08786F-35DD-4FA5-91F3-FF8315EFC03A}" dt="2021-04-14T07:08:31.975" v="918" actId="478"/>
            <ac:cxnSpMkLst>
              <pc:docMk/>
              <pc:sldMasterMk cId="3187493390" sldId="2147483680"/>
              <pc:sldLayoutMk cId="816892688" sldId="2147483746"/>
              <ac:cxnSpMk id="46" creationId="{07D70D71-7D65-456F-8918-0D83F0B88E9C}"/>
            </ac:cxnSpMkLst>
          </pc:cxnChg>
        </pc:sldLayoutChg>
        <pc:sldLayoutChg chg="addSp delSp modSp mod">
          <pc:chgData name="Jonas Bratseth" userId="7880613d-1198-4bca-afa6-2725a9958330" providerId="ADAL" clId="{FF08786F-35DD-4FA5-91F3-FF8315EFC03A}" dt="2021-04-23T12:01:33.753" v="1284" actId="167"/>
          <pc:sldLayoutMkLst>
            <pc:docMk/>
            <pc:sldMasterMk cId="3187493390" sldId="2147483680"/>
            <pc:sldLayoutMk cId="2648024836" sldId="2147483747"/>
          </pc:sldLayoutMkLst>
          <pc:spChg chg="add mod ord">
            <ac:chgData name="Jonas Bratseth" userId="7880613d-1198-4bca-afa6-2725a9958330" providerId="ADAL" clId="{FF08786F-35DD-4FA5-91F3-FF8315EFC03A}" dt="2021-04-23T12:01:33.753" v="1284" actId="167"/>
            <ac:spMkLst>
              <pc:docMk/>
              <pc:sldMasterMk cId="3187493390" sldId="2147483680"/>
              <pc:sldLayoutMk cId="2648024836" sldId="2147483747"/>
              <ac:spMk id="18" creationId="{8EAD0E29-8F74-4988-BBA5-045620273214}"/>
            </ac:spMkLst>
          </pc:spChg>
          <pc:spChg chg="del">
            <ac:chgData name="Jonas Bratseth" userId="7880613d-1198-4bca-afa6-2725a9958330" providerId="ADAL" clId="{FF08786F-35DD-4FA5-91F3-FF8315EFC03A}" dt="2021-04-23T12:01:30.983" v="1282" actId="478"/>
            <ac:spMkLst>
              <pc:docMk/>
              <pc:sldMasterMk cId="3187493390" sldId="2147483680"/>
              <pc:sldLayoutMk cId="2648024836" sldId="2147483747"/>
              <ac:spMk id="20" creationId="{AC1B5946-BFD6-40B1-A104-411E61CBC47D}"/>
            </ac:spMkLst>
          </pc:spChg>
        </pc:sldLayoutChg>
        <pc:sldLayoutChg chg="addSp delSp modSp mod">
          <pc:chgData name="Jonas Bratseth" userId="7880613d-1198-4bca-afa6-2725a9958330" providerId="ADAL" clId="{FF08786F-35DD-4FA5-91F3-FF8315EFC03A}" dt="2021-04-23T12:01:38.592" v="1287" actId="167"/>
          <pc:sldLayoutMkLst>
            <pc:docMk/>
            <pc:sldMasterMk cId="3187493390" sldId="2147483680"/>
            <pc:sldLayoutMk cId="3710491815" sldId="2147483788"/>
          </pc:sldLayoutMkLst>
          <pc:spChg chg="del mod">
            <ac:chgData name="Jonas Bratseth" userId="7880613d-1198-4bca-afa6-2725a9958330" providerId="ADAL" clId="{FF08786F-35DD-4FA5-91F3-FF8315EFC03A}" dt="2021-04-23T12:01:35.592" v="1285" actId="478"/>
            <ac:spMkLst>
              <pc:docMk/>
              <pc:sldMasterMk cId="3187493390" sldId="2147483680"/>
              <pc:sldLayoutMk cId="3710491815" sldId="2147483788"/>
              <ac:spMk id="12" creationId="{98D9657F-90AA-40C4-9DD7-37C9539F7ACD}"/>
            </ac:spMkLst>
          </pc:spChg>
          <pc:spChg chg="add mod ord">
            <ac:chgData name="Jonas Bratseth" userId="7880613d-1198-4bca-afa6-2725a9958330" providerId="ADAL" clId="{FF08786F-35DD-4FA5-91F3-FF8315EFC03A}" dt="2021-04-23T12:01:38.592" v="1287" actId="167"/>
            <ac:spMkLst>
              <pc:docMk/>
              <pc:sldMasterMk cId="3187493390" sldId="2147483680"/>
              <pc:sldLayoutMk cId="3710491815" sldId="2147483788"/>
              <ac:spMk id="15" creationId="{09BE6C7B-6040-4D94-BFDE-7EBB6B516612}"/>
            </ac:spMkLst>
          </pc:spChg>
        </pc:sldLayoutChg>
      </pc:sldMasterChg>
      <pc:sldMasterChg chg="modSldLayout">
        <pc:chgData name="Jonas Bratseth" userId="7880613d-1198-4bca-afa6-2725a9958330" providerId="ADAL" clId="{FF08786F-35DD-4FA5-91F3-FF8315EFC03A}" dt="2021-04-23T11:41:23.282" v="1065" actId="478"/>
        <pc:sldMasterMkLst>
          <pc:docMk/>
          <pc:sldMasterMk cId="2269285815" sldId="2147483706"/>
        </pc:sldMasterMkLst>
        <pc:sldLayoutChg chg="addSp delSp modSp mod">
          <pc:chgData name="Jonas Bratseth" userId="7880613d-1198-4bca-afa6-2725a9958330" providerId="ADAL" clId="{FF08786F-35DD-4FA5-91F3-FF8315EFC03A}" dt="2021-04-23T11:41:23.282" v="1065" actId="478"/>
          <pc:sldLayoutMkLst>
            <pc:docMk/>
            <pc:sldMasterMk cId="2269285815" sldId="2147483706"/>
            <pc:sldLayoutMk cId="3056657447" sldId="2147483707"/>
          </pc:sldLayoutMkLst>
          <pc:spChg chg="add del mod">
            <ac:chgData name="Jonas Bratseth" userId="7880613d-1198-4bca-afa6-2725a9958330" providerId="ADAL" clId="{FF08786F-35DD-4FA5-91F3-FF8315EFC03A}" dt="2021-04-23T11:41:23.282" v="1065" actId="478"/>
            <ac:spMkLst>
              <pc:docMk/>
              <pc:sldMasterMk cId="2269285815" sldId="2147483706"/>
              <pc:sldLayoutMk cId="3056657447" sldId="2147483707"/>
              <ac:spMk id="6" creationId="{466A225A-9B23-48FD-8AF7-41691FA3CC7F}"/>
            </ac:spMkLst>
          </pc:spChg>
          <pc:spChg chg="mod">
            <ac:chgData name="Jonas Bratseth" userId="7880613d-1198-4bca-afa6-2725a9958330" providerId="ADAL" clId="{FF08786F-35DD-4FA5-91F3-FF8315EFC03A}" dt="2021-04-12T11:41:37.376" v="725" actId="207"/>
            <ac:spMkLst>
              <pc:docMk/>
              <pc:sldMasterMk cId="2269285815" sldId="2147483706"/>
              <pc:sldLayoutMk cId="3056657447" sldId="2147483707"/>
              <ac:spMk id="9" creationId="{2519DE2E-30A8-4795-8CA3-AB25AAE8A266}"/>
            </ac:spMkLst>
          </pc:spChg>
        </pc:sldLayoutChg>
        <pc:sldLayoutChg chg="modSp">
          <pc:chgData name="Jonas Bratseth" userId="7880613d-1198-4bca-afa6-2725a9958330" providerId="ADAL" clId="{FF08786F-35DD-4FA5-91F3-FF8315EFC03A}" dt="2021-04-12T11:41:40.683" v="726" actId="207"/>
          <pc:sldLayoutMkLst>
            <pc:docMk/>
            <pc:sldMasterMk cId="2269285815" sldId="2147483706"/>
            <pc:sldLayoutMk cId="3872924810" sldId="2147483708"/>
          </pc:sldLayoutMkLst>
          <pc:spChg chg="mod">
            <ac:chgData name="Jonas Bratseth" userId="7880613d-1198-4bca-afa6-2725a9958330" providerId="ADAL" clId="{FF08786F-35DD-4FA5-91F3-FF8315EFC03A}" dt="2021-04-12T11:41:40.683" v="726" actId="207"/>
            <ac:spMkLst>
              <pc:docMk/>
              <pc:sldMasterMk cId="2269285815" sldId="2147483706"/>
              <pc:sldLayoutMk cId="3872924810" sldId="2147483708"/>
              <ac:spMk id="9" creationId="{2519DE2E-30A8-4795-8CA3-AB25AAE8A266}"/>
            </ac:spMkLst>
          </pc:spChg>
        </pc:sldLayoutChg>
        <pc:sldLayoutChg chg="modSp">
          <pc:chgData name="Jonas Bratseth" userId="7880613d-1198-4bca-afa6-2725a9958330" providerId="ADAL" clId="{FF08786F-35DD-4FA5-91F3-FF8315EFC03A}" dt="2021-04-12T11:41:49.900" v="728" actId="207"/>
          <pc:sldLayoutMkLst>
            <pc:docMk/>
            <pc:sldMasterMk cId="2269285815" sldId="2147483706"/>
            <pc:sldLayoutMk cId="4220407289" sldId="2147483709"/>
          </pc:sldLayoutMkLst>
          <pc:spChg chg="mod">
            <ac:chgData name="Jonas Bratseth" userId="7880613d-1198-4bca-afa6-2725a9958330" providerId="ADAL" clId="{FF08786F-35DD-4FA5-91F3-FF8315EFC03A}" dt="2021-04-12T11:41:49.900" v="728" actId="207"/>
            <ac:spMkLst>
              <pc:docMk/>
              <pc:sldMasterMk cId="2269285815" sldId="2147483706"/>
              <pc:sldLayoutMk cId="4220407289" sldId="2147483709"/>
              <ac:spMk id="9" creationId="{2519DE2E-30A8-4795-8CA3-AB25AAE8A266}"/>
            </ac:spMkLst>
          </pc:spChg>
        </pc:sldLayoutChg>
        <pc:sldLayoutChg chg="modSp">
          <pc:chgData name="Jonas Bratseth" userId="7880613d-1198-4bca-afa6-2725a9958330" providerId="ADAL" clId="{FF08786F-35DD-4FA5-91F3-FF8315EFC03A}" dt="2021-04-12T11:41:43.904" v="727" actId="207"/>
          <pc:sldLayoutMkLst>
            <pc:docMk/>
            <pc:sldMasterMk cId="2269285815" sldId="2147483706"/>
            <pc:sldLayoutMk cId="1288175719" sldId="2147483710"/>
          </pc:sldLayoutMkLst>
          <pc:spChg chg="mod">
            <ac:chgData name="Jonas Bratseth" userId="7880613d-1198-4bca-afa6-2725a9958330" providerId="ADAL" clId="{FF08786F-35DD-4FA5-91F3-FF8315EFC03A}" dt="2021-04-12T11:41:43.904" v="727" actId="207"/>
            <ac:spMkLst>
              <pc:docMk/>
              <pc:sldMasterMk cId="2269285815" sldId="2147483706"/>
              <pc:sldLayoutMk cId="1288175719" sldId="2147483710"/>
              <ac:spMk id="9" creationId="{2519DE2E-30A8-4795-8CA3-AB25AAE8A266}"/>
            </ac:spMkLst>
          </pc:spChg>
        </pc:sldLayoutChg>
        <pc:sldLayoutChg chg="modSp">
          <pc:chgData name="Jonas Bratseth" userId="7880613d-1198-4bca-afa6-2725a9958330" providerId="ADAL" clId="{FF08786F-35DD-4FA5-91F3-FF8315EFC03A}" dt="2021-04-12T11:41:53.212" v="729" actId="207"/>
          <pc:sldLayoutMkLst>
            <pc:docMk/>
            <pc:sldMasterMk cId="2269285815" sldId="2147483706"/>
            <pc:sldLayoutMk cId="2056493354" sldId="2147483711"/>
          </pc:sldLayoutMkLst>
          <pc:spChg chg="mod">
            <ac:chgData name="Jonas Bratseth" userId="7880613d-1198-4bca-afa6-2725a9958330" providerId="ADAL" clId="{FF08786F-35DD-4FA5-91F3-FF8315EFC03A}" dt="2021-04-12T11:41:53.212" v="729" actId="207"/>
            <ac:spMkLst>
              <pc:docMk/>
              <pc:sldMasterMk cId="2269285815" sldId="2147483706"/>
              <pc:sldLayoutMk cId="2056493354" sldId="2147483711"/>
              <ac:spMk id="9" creationId="{2519DE2E-30A8-4795-8CA3-AB25AAE8A266}"/>
            </ac:spMkLst>
          </pc:spChg>
        </pc:sldLayoutChg>
        <pc:sldLayoutChg chg="modSp">
          <pc:chgData name="Jonas Bratseth" userId="7880613d-1198-4bca-afa6-2725a9958330" providerId="ADAL" clId="{FF08786F-35DD-4FA5-91F3-FF8315EFC03A}" dt="2021-04-12T11:42:00.717" v="730" actId="207"/>
          <pc:sldLayoutMkLst>
            <pc:docMk/>
            <pc:sldMasterMk cId="2269285815" sldId="2147483706"/>
            <pc:sldLayoutMk cId="2432138850" sldId="2147483712"/>
          </pc:sldLayoutMkLst>
          <pc:spChg chg="mod">
            <ac:chgData name="Jonas Bratseth" userId="7880613d-1198-4bca-afa6-2725a9958330" providerId="ADAL" clId="{FF08786F-35DD-4FA5-91F3-FF8315EFC03A}" dt="2021-04-12T11:42:00.717" v="730" actId="207"/>
            <ac:spMkLst>
              <pc:docMk/>
              <pc:sldMasterMk cId="2269285815" sldId="2147483706"/>
              <pc:sldLayoutMk cId="2432138850" sldId="2147483712"/>
              <ac:spMk id="9" creationId="{2519DE2E-30A8-4795-8CA3-AB25AAE8A266}"/>
            </ac:spMkLst>
          </pc:spChg>
        </pc:sldLayoutChg>
        <pc:sldLayoutChg chg="modSp">
          <pc:chgData name="Jonas Bratseth" userId="7880613d-1198-4bca-afa6-2725a9958330" providerId="ADAL" clId="{FF08786F-35DD-4FA5-91F3-FF8315EFC03A}" dt="2021-04-12T11:42:04.219" v="731" actId="207"/>
          <pc:sldLayoutMkLst>
            <pc:docMk/>
            <pc:sldMasterMk cId="2269285815" sldId="2147483706"/>
            <pc:sldLayoutMk cId="2206203928" sldId="2147483713"/>
          </pc:sldLayoutMkLst>
          <pc:spChg chg="mod">
            <ac:chgData name="Jonas Bratseth" userId="7880613d-1198-4bca-afa6-2725a9958330" providerId="ADAL" clId="{FF08786F-35DD-4FA5-91F3-FF8315EFC03A}" dt="2021-04-12T11:42:04.219" v="731" actId="207"/>
            <ac:spMkLst>
              <pc:docMk/>
              <pc:sldMasterMk cId="2269285815" sldId="2147483706"/>
              <pc:sldLayoutMk cId="2206203928" sldId="2147483713"/>
              <ac:spMk id="9" creationId="{2519DE2E-30A8-4795-8CA3-AB25AAE8A266}"/>
            </ac:spMkLst>
          </pc:spChg>
        </pc:sldLayoutChg>
      </pc:sldMasterChg>
      <pc:sldMasterChg chg="modSp mod delSldLayout modSldLayout">
        <pc:chgData name="Jonas Bratseth" userId="7880613d-1198-4bca-afa6-2725a9958330" providerId="ADAL" clId="{FF08786F-35DD-4FA5-91F3-FF8315EFC03A}" dt="2021-04-28T09:14:40.564" v="1350" actId="2696"/>
        <pc:sldMasterMkLst>
          <pc:docMk/>
          <pc:sldMasterMk cId="2320628436" sldId="2147483750"/>
        </pc:sldMasterMkLst>
        <pc:spChg chg="mod">
          <ac:chgData name="Jonas Bratseth" userId="7880613d-1198-4bca-afa6-2725a9958330" providerId="ADAL" clId="{FF08786F-35DD-4FA5-91F3-FF8315EFC03A}" dt="2021-04-14T06:59:31.949" v="887" actId="12"/>
          <ac:spMkLst>
            <pc:docMk/>
            <pc:sldMasterMk cId="2320628436" sldId="2147483750"/>
            <ac:spMk id="8" creationId="{0A070B88-1D4D-44C9-AC83-BD74551FEA5B}"/>
          </ac:spMkLst>
        </pc:spChg>
        <pc:sldLayoutChg chg="addSp delSp modSp mod">
          <pc:chgData name="Jonas Bratseth" userId="7880613d-1198-4bca-afa6-2725a9958330" providerId="ADAL" clId="{FF08786F-35DD-4FA5-91F3-FF8315EFC03A}" dt="2021-04-28T09:10:17.422" v="1344" actId="478"/>
          <pc:sldLayoutMkLst>
            <pc:docMk/>
            <pc:sldMasterMk cId="2320628436" sldId="2147483750"/>
            <pc:sldLayoutMk cId="3196187509" sldId="2147483751"/>
          </pc:sldLayoutMkLst>
          <pc:spChg chg="add del mod">
            <ac:chgData name="Jonas Bratseth" userId="7880613d-1198-4bca-afa6-2725a9958330" providerId="ADAL" clId="{FF08786F-35DD-4FA5-91F3-FF8315EFC03A}" dt="2021-04-23T11:38:11.915" v="1027" actId="478"/>
            <ac:spMkLst>
              <pc:docMk/>
              <pc:sldMasterMk cId="2320628436" sldId="2147483750"/>
              <pc:sldLayoutMk cId="3196187509" sldId="2147483751"/>
              <ac:spMk id="2" creationId="{A75F729C-28FB-4B2E-9F1F-AAB5CBA170F5}"/>
            </ac:spMkLst>
          </pc:spChg>
          <pc:spChg chg="add del mod modVis">
            <ac:chgData name="Jonas Bratseth" userId="7880613d-1198-4bca-afa6-2725a9958330" providerId="ADAL" clId="{FF08786F-35DD-4FA5-91F3-FF8315EFC03A}" dt="2021-04-23T11:42:07.881" v="1088" actId="14429"/>
            <ac:spMkLst>
              <pc:docMk/>
              <pc:sldMasterMk cId="2320628436" sldId="2147483750"/>
              <pc:sldLayoutMk cId="3196187509" sldId="2147483751"/>
              <ac:spMk id="3" creationId="{4AE97785-6E28-487C-A237-AF5F013A8878}"/>
            </ac:spMkLst>
          </pc:spChg>
          <pc:spChg chg="mod">
            <ac:chgData name="Jonas Bratseth" userId="7880613d-1198-4bca-afa6-2725a9958330" providerId="ADAL" clId="{FF08786F-35DD-4FA5-91F3-FF8315EFC03A}" dt="2021-04-23T11:42:08.428" v="1089" actId="1076"/>
            <ac:spMkLst>
              <pc:docMk/>
              <pc:sldMasterMk cId="2320628436" sldId="2147483750"/>
              <pc:sldLayoutMk cId="3196187509" sldId="2147483751"/>
              <ac:spMk id="7" creationId="{1EDC10EC-BA55-4582-BC51-54300AEE4C9D}"/>
            </ac:spMkLst>
          </pc:spChg>
          <pc:spChg chg="del">
            <ac:chgData name="Jonas Bratseth" userId="7880613d-1198-4bca-afa6-2725a9958330" providerId="ADAL" clId="{FF08786F-35DD-4FA5-91F3-FF8315EFC03A}" dt="2021-04-28T09:10:17.422" v="1344" actId="478"/>
            <ac:spMkLst>
              <pc:docMk/>
              <pc:sldMasterMk cId="2320628436" sldId="2147483750"/>
              <pc:sldLayoutMk cId="3196187509" sldId="2147483751"/>
              <ac:spMk id="10" creationId="{BA9FE935-F199-41D7-871A-24EC1D9C5AD9}"/>
            </ac:spMkLst>
          </pc:spChg>
          <pc:spChg chg="add del mod">
            <ac:chgData name="Jonas Bratseth" userId="7880613d-1198-4bca-afa6-2725a9958330" providerId="ADAL" clId="{FF08786F-35DD-4FA5-91F3-FF8315EFC03A}" dt="2021-04-14T06:58:03.203" v="882" actId="478"/>
            <ac:spMkLst>
              <pc:docMk/>
              <pc:sldMasterMk cId="2320628436" sldId="2147483750"/>
              <pc:sldLayoutMk cId="3196187509" sldId="2147483751"/>
              <ac:spMk id="11" creationId="{3355DC3F-2782-4D6E-A13C-BFB0320C7939}"/>
            </ac:spMkLst>
          </pc:spChg>
          <pc:spChg chg="add del mod">
            <ac:chgData name="Jonas Bratseth" userId="7880613d-1198-4bca-afa6-2725a9958330" providerId="ADAL" clId="{FF08786F-35DD-4FA5-91F3-FF8315EFC03A}" dt="2021-04-23T11:39:17.688" v="1047" actId="21"/>
            <ac:spMkLst>
              <pc:docMk/>
              <pc:sldMasterMk cId="2320628436" sldId="2147483750"/>
              <pc:sldLayoutMk cId="3196187509" sldId="2147483751"/>
              <ac:spMk id="11" creationId="{8A73CCFF-5552-48F1-9864-22B3C0A66C86}"/>
            </ac:spMkLst>
          </pc:spChg>
          <pc:spChg chg="del">
            <ac:chgData name="Jonas Bratseth" userId="7880613d-1198-4bca-afa6-2725a9958330" providerId="ADAL" clId="{FF08786F-35DD-4FA5-91F3-FF8315EFC03A}" dt="2021-04-14T06:23:35.161" v="848" actId="478"/>
            <ac:spMkLst>
              <pc:docMk/>
              <pc:sldMasterMk cId="2320628436" sldId="2147483750"/>
              <pc:sldLayoutMk cId="3196187509" sldId="2147483751"/>
              <ac:spMk id="12" creationId="{C4136857-8A04-412B-B6B5-632FD407B032}"/>
            </ac:spMkLst>
          </pc:spChg>
          <pc:spChg chg="del">
            <ac:chgData name="Jonas Bratseth" userId="7880613d-1198-4bca-afa6-2725a9958330" providerId="ADAL" clId="{FF08786F-35DD-4FA5-91F3-FF8315EFC03A}" dt="2021-04-14T06:23:36.020" v="849" actId="478"/>
            <ac:spMkLst>
              <pc:docMk/>
              <pc:sldMasterMk cId="2320628436" sldId="2147483750"/>
              <pc:sldLayoutMk cId="3196187509" sldId="2147483751"/>
              <ac:spMk id="13" creationId="{8EDF94FC-487E-4582-A68F-1CE82F069903}"/>
            </ac:spMkLst>
          </pc:spChg>
          <pc:spChg chg="add del mod">
            <ac:chgData name="Jonas Bratseth" userId="7880613d-1198-4bca-afa6-2725a9958330" providerId="ADAL" clId="{FF08786F-35DD-4FA5-91F3-FF8315EFC03A}" dt="2021-04-14T06:58:04.348" v="883" actId="478"/>
            <ac:spMkLst>
              <pc:docMk/>
              <pc:sldMasterMk cId="2320628436" sldId="2147483750"/>
              <pc:sldLayoutMk cId="3196187509" sldId="2147483751"/>
              <ac:spMk id="14" creationId="{FA5F1A1B-5C2C-4280-9C9D-1167F2EA5F6E}"/>
            </ac:spMkLst>
          </pc:spChg>
          <pc:spChg chg="add del mod">
            <ac:chgData name="Jonas Bratseth" userId="7880613d-1198-4bca-afa6-2725a9958330" providerId="ADAL" clId="{FF08786F-35DD-4FA5-91F3-FF8315EFC03A}" dt="2021-04-14T06:58:06.603" v="884" actId="478"/>
            <ac:spMkLst>
              <pc:docMk/>
              <pc:sldMasterMk cId="2320628436" sldId="2147483750"/>
              <pc:sldLayoutMk cId="3196187509" sldId="2147483751"/>
              <ac:spMk id="15" creationId="{4A85635D-D284-4AD2-A9E0-54623A479B29}"/>
            </ac:spMkLst>
          </pc:spChg>
          <pc:spChg chg="add mod">
            <ac:chgData name="Jonas Bratseth" userId="7880613d-1198-4bca-afa6-2725a9958330" providerId="ADAL" clId="{FF08786F-35DD-4FA5-91F3-FF8315EFC03A}" dt="2021-04-14T06:58:07.508" v="885"/>
            <ac:spMkLst>
              <pc:docMk/>
              <pc:sldMasterMk cId="2320628436" sldId="2147483750"/>
              <pc:sldLayoutMk cId="3196187509" sldId="2147483751"/>
              <ac:spMk id="16" creationId="{461BABB1-A447-405B-AF28-D9AB8C3C9B6A}"/>
            </ac:spMkLst>
          </pc:spChg>
          <pc:spChg chg="add mod">
            <ac:chgData name="Jonas Bratseth" userId="7880613d-1198-4bca-afa6-2725a9958330" providerId="ADAL" clId="{FF08786F-35DD-4FA5-91F3-FF8315EFC03A}" dt="2021-04-14T06:58:07.508" v="885"/>
            <ac:spMkLst>
              <pc:docMk/>
              <pc:sldMasterMk cId="2320628436" sldId="2147483750"/>
              <pc:sldLayoutMk cId="3196187509" sldId="2147483751"/>
              <ac:spMk id="17" creationId="{B7CAE32E-E8A6-4610-94FE-E5A3D98AB5DB}"/>
            </ac:spMkLst>
          </pc:spChg>
        </pc:sldLayoutChg>
        <pc:sldLayoutChg chg="modSp del mod">
          <pc:chgData name="Jonas Bratseth" userId="7880613d-1198-4bca-afa6-2725a9958330" providerId="ADAL" clId="{FF08786F-35DD-4FA5-91F3-FF8315EFC03A}" dt="2021-04-28T09:14:40.564" v="1350" actId="2696"/>
          <pc:sldLayoutMkLst>
            <pc:docMk/>
            <pc:sldMasterMk cId="2320628436" sldId="2147483750"/>
            <pc:sldLayoutMk cId="2474862996" sldId="2147483752"/>
          </pc:sldLayoutMkLst>
          <pc:spChg chg="mod">
            <ac:chgData name="Jonas Bratseth" userId="7880613d-1198-4bca-afa6-2725a9958330" providerId="ADAL" clId="{FF08786F-35DD-4FA5-91F3-FF8315EFC03A}" dt="2021-04-12T11:46:36.292" v="745" actId="207"/>
            <ac:spMkLst>
              <pc:docMk/>
              <pc:sldMasterMk cId="2320628436" sldId="2147483750"/>
              <pc:sldLayoutMk cId="2474862996" sldId="2147483752"/>
              <ac:spMk id="10" creationId="{21E2F243-8C06-4A1D-98D1-265080BF12EF}"/>
            </ac:spMkLst>
          </pc:spChg>
        </pc:sldLayoutChg>
        <pc:sldLayoutChg chg="addSp delSp modSp mod">
          <pc:chgData name="Jonas Bratseth" userId="7880613d-1198-4bca-afa6-2725a9958330" providerId="ADAL" clId="{FF08786F-35DD-4FA5-91F3-FF8315EFC03A}" dt="2021-04-14T06:24:20.361" v="857"/>
          <pc:sldLayoutMkLst>
            <pc:docMk/>
            <pc:sldMasterMk cId="2320628436" sldId="2147483750"/>
            <pc:sldLayoutMk cId="1426839797" sldId="2147483753"/>
          </pc:sldLayoutMkLst>
          <pc:spChg chg="del">
            <ac:chgData name="Jonas Bratseth" userId="7880613d-1198-4bca-afa6-2725a9958330" providerId="ADAL" clId="{FF08786F-35DD-4FA5-91F3-FF8315EFC03A}" dt="2021-04-14T06:23:44.811" v="851" actId="478"/>
            <ac:spMkLst>
              <pc:docMk/>
              <pc:sldMasterMk cId="2320628436" sldId="2147483750"/>
              <pc:sldLayoutMk cId="1426839797" sldId="2147483753"/>
              <ac:spMk id="2" creationId="{A1E49F8F-D418-4FBA-825E-A63F2DDD8F1E}"/>
            </ac:spMkLst>
          </pc:spChg>
          <pc:spChg chg="del">
            <ac:chgData name="Jonas Bratseth" userId="7880613d-1198-4bca-afa6-2725a9958330" providerId="ADAL" clId="{FF08786F-35DD-4FA5-91F3-FF8315EFC03A}" dt="2021-04-14T06:23:46.081" v="852" actId="478"/>
            <ac:spMkLst>
              <pc:docMk/>
              <pc:sldMasterMk cId="2320628436" sldId="2147483750"/>
              <pc:sldLayoutMk cId="1426839797" sldId="2147483753"/>
              <ac:spMk id="3" creationId="{8637D6E0-F061-4BBC-8DBC-562373D266A8}"/>
            </ac:spMkLst>
          </pc:spChg>
          <pc:spChg chg="add del mod">
            <ac:chgData name="Jonas Bratseth" userId="7880613d-1198-4bca-afa6-2725a9958330" providerId="ADAL" clId="{FF08786F-35DD-4FA5-91F3-FF8315EFC03A}" dt="2021-04-14T06:24:17.071" v="854" actId="478"/>
            <ac:spMkLst>
              <pc:docMk/>
              <pc:sldMasterMk cId="2320628436" sldId="2147483750"/>
              <pc:sldLayoutMk cId="1426839797" sldId="2147483753"/>
              <ac:spMk id="9" creationId="{8E4ACA28-F236-4A00-9E13-B468D9B06E4B}"/>
            </ac:spMkLst>
          </pc:spChg>
          <pc:spChg chg="add del mod">
            <ac:chgData name="Jonas Bratseth" userId="7880613d-1198-4bca-afa6-2725a9958330" providerId="ADAL" clId="{FF08786F-35DD-4FA5-91F3-FF8315EFC03A}" dt="2021-04-14T06:24:18.476" v="855" actId="478"/>
            <ac:spMkLst>
              <pc:docMk/>
              <pc:sldMasterMk cId="2320628436" sldId="2147483750"/>
              <pc:sldLayoutMk cId="1426839797" sldId="2147483753"/>
              <ac:spMk id="10" creationId="{0D6A9986-1DA4-4FB4-A12A-5B9B67CE5350}"/>
            </ac:spMkLst>
          </pc:spChg>
          <pc:spChg chg="add del mod">
            <ac:chgData name="Jonas Bratseth" userId="7880613d-1198-4bca-afa6-2725a9958330" providerId="ADAL" clId="{FF08786F-35DD-4FA5-91F3-FF8315EFC03A}" dt="2021-04-14T06:24:19.509" v="856" actId="478"/>
            <ac:spMkLst>
              <pc:docMk/>
              <pc:sldMasterMk cId="2320628436" sldId="2147483750"/>
              <pc:sldLayoutMk cId="1426839797" sldId="2147483753"/>
              <ac:spMk id="11" creationId="{34EE1D80-2D14-44BA-8CA5-4625A0D836D4}"/>
            </ac:spMkLst>
          </pc:spChg>
          <pc:spChg chg="add mod">
            <ac:chgData name="Jonas Bratseth" userId="7880613d-1198-4bca-afa6-2725a9958330" providerId="ADAL" clId="{FF08786F-35DD-4FA5-91F3-FF8315EFC03A}" dt="2021-04-14T06:24:20.361" v="857"/>
            <ac:spMkLst>
              <pc:docMk/>
              <pc:sldMasterMk cId="2320628436" sldId="2147483750"/>
              <pc:sldLayoutMk cId="1426839797" sldId="2147483753"/>
              <ac:spMk id="12" creationId="{C5F535E3-A827-48E2-B683-3A78074E015A}"/>
            </ac:spMkLst>
          </pc:spChg>
          <pc:spChg chg="add mod">
            <ac:chgData name="Jonas Bratseth" userId="7880613d-1198-4bca-afa6-2725a9958330" providerId="ADAL" clId="{FF08786F-35DD-4FA5-91F3-FF8315EFC03A}" dt="2021-04-14T06:24:20.361" v="857"/>
            <ac:spMkLst>
              <pc:docMk/>
              <pc:sldMasterMk cId="2320628436" sldId="2147483750"/>
              <pc:sldLayoutMk cId="1426839797" sldId="2147483753"/>
              <ac:spMk id="15" creationId="{963AB43E-274F-4813-ABFF-B76361154E38}"/>
            </ac:spMkLst>
          </pc:spChg>
          <pc:spChg chg="add mod">
            <ac:chgData name="Jonas Bratseth" userId="7880613d-1198-4bca-afa6-2725a9958330" providerId="ADAL" clId="{FF08786F-35DD-4FA5-91F3-FF8315EFC03A}" dt="2021-04-14T06:24:20.361" v="857"/>
            <ac:spMkLst>
              <pc:docMk/>
              <pc:sldMasterMk cId="2320628436" sldId="2147483750"/>
              <pc:sldLayoutMk cId="1426839797" sldId="2147483753"/>
              <ac:spMk id="16" creationId="{705FF5DD-9FDA-4566-9B40-7642DC33ED9D}"/>
            </ac:spMkLst>
          </pc:spChg>
        </pc:sldLayoutChg>
        <pc:sldLayoutChg chg="addSp delSp modSp mod">
          <pc:chgData name="Jonas Bratseth" userId="7880613d-1198-4bca-afa6-2725a9958330" providerId="ADAL" clId="{FF08786F-35DD-4FA5-91F3-FF8315EFC03A}" dt="2021-04-14T06:24:25.421" v="860"/>
          <pc:sldLayoutMkLst>
            <pc:docMk/>
            <pc:sldMasterMk cId="2320628436" sldId="2147483750"/>
            <pc:sldLayoutMk cId="2720511642" sldId="2147483754"/>
          </pc:sldLayoutMkLst>
          <pc:spChg chg="del">
            <ac:chgData name="Jonas Bratseth" userId="7880613d-1198-4bca-afa6-2725a9958330" providerId="ADAL" clId="{FF08786F-35DD-4FA5-91F3-FF8315EFC03A}" dt="2021-04-14T06:24:23.391" v="858" actId="478"/>
            <ac:spMkLst>
              <pc:docMk/>
              <pc:sldMasterMk cId="2320628436" sldId="2147483750"/>
              <pc:sldLayoutMk cId="2720511642" sldId="2147483754"/>
              <ac:spMk id="2" creationId="{A1E49F8F-D418-4FBA-825E-A63F2DDD8F1E}"/>
            </ac:spMkLst>
          </pc:spChg>
          <pc:spChg chg="del">
            <ac:chgData name="Jonas Bratseth" userId="7880613d-1198-4bca-afa6-2725a9958330" providerId="ADAL" clId="{FF08786F-35DD-4FA5-91F3-FF8315EFC03A}" dt="2021-04-14T06:24:24.602" v="859" actId="478"/>
            <ac:spMkLst>
              <pc:docMk/>
              <pc:sldMasterMk cId="2320628436" sldId="2147483750"/>
              <pc:sldLayoutMk cId="2720511642" sldId="2147483754"/>
              <ac:spMk id="3" creationId="{8637D6E0-F061-4BBC-8DBC-562373D266A8}"/>
            </ac:spMkLst>
          </pc:spChg>
          <pc:spChg chg="add mod">
            <ac:chgData name="Jonas Bratseth" userId="7880613d-1198-4bca-afa6-2725a9958330" providerId="ADAL" clId="{FF08786F-35DD-4FA5-91F3-FF8315EFC03A}" dt="2021-04-14T06:24:25.421" v="860"/>
            <ac:spMkLst>
              <pc:docMk/>
              <pc:sldMasterMk cId="2320628436" sldId="2147483750"/>
              <pc:sldLayoutMk cId="2720511642" sldId="2147483754"/>
              <ac:spMk id="8" creationId="{22AB73FD-6699-4F8E-8AC4-31A9B51185C8}"/>
            </ac:spMkLst>
          </pc:spChg>
          <pc:spChg chg="add mod">
            <ac:chgData name="Jonas Bratseth" userId="7880613d-1198-4bca-afa6-2725a9958330" providerId="ADAL" clId="{FF08786F-35DD-4FA5-91F3-FF8315EFC03A}" dt="2021-04-14T06:24:25.421" v="860"/>
            <ac:spMkLst>
              <pc:docMk/>
              <pc:sldMasterMk cId="2320628436" sldId="2147483750"/>
              <pc:sldLayoutMk cId="2720511642" sldId="2147483754"/>
              <ac:spMk id="9" creationId="{E5A0517A-F36B-49B2-8737-F152A42C805E}"/>
            </ac:spMkLst>
          </pc:spChg>
          <pc:spChg chg="add mod">
            <ac:chgData name="Jonas Bratseth" userId="7880613d-1198-4bca-afa6-2725a9958330" providerId="ADAL" clId="{FF08786F-35DD-4FA5-91F3-FF8315EFC03A}" dt="2021-04-14T06:24:25.421" v="860"/>
            <ac:spMkLst>
              <pc:docMk/>
              <pc:sldMasterMk cId="2320628436" sldId="2147483750"/>
              <pc:sldLayoutMk cId="2720511642" sldId="2147483754"/>
              <ac:spMk id="10" creationId="{7C819F2B-234F-4A6E-BC98-756E17E805E1}"/>
            </ac:spMkLst>
          </pc:spChg>
        </pc:sldLayoutChg>
        <pc:sldLayoutChg chg="addSp delSp modSp mod">
          <pc:chgData name="Jonas Bratseth" userId="7880613d-1198-4bca-afa6-2725a9958330" providerId="ADAL" clId="{FF08786F-35DD-4FA5-91F3-FF8315EFC03A}" dt="2021-04-23T11:43:05.765" v="1112" actId="478"/>
          <pc:sldLayoutMkLst>
            <pc:docMk/>
            <pc:sldMasterMk cId="2320628436" sldId="2147483750"/>
            <pc:sldLayoutMk cId="3815573634" sldId="2147483755"/>
          </pc:sldLayoutMkLst>
          <pc:spChg chg="add mod ord">
            <ac:chgData name="Jonas Bratseth" userId="7880613d-1198-4bca-afa6-2725a9958330" providerId="ADAL" clId="{FF08786F-35DD-4FA5-91F3-FF8315EFC03A}" dt="2021-04-23T11:43:02.339" v="1111" actId="207"/>
            <ac:spMkLst>
              <pc:docMk/>
              <pc:sldMasterMk cId="2320628436" sldId="2147483750"/>
              <pc:sldLayoutMk cId="3815573634" sldId="2147483755"/>
              <ac:spMk id="3" creationId="{B30310D9-36FF-41E3-BE76-6C2A983940FC}"/>
            </ac:spMkLst>
          </pc:spChg>
          <pc:spChg chg="add del mod">
            <ac:chgData name="Jonas Bratseth" userId="7880613d-1198-4bca-afa6-2725a9958330" providerId="ADAL" clId="{FF08786F-35DD-4FA5-91F3-FF8315EFC03A}" dt="2021-04-23T11:42:29.021" v="1091" actId="478"/>
            <ac:spMkLst>
              <pc:docMk/>
              <pc:sldMasterMk cId="2320628436" sldId="2147483750"/>
              <pc:sldLayoutMk cId="3815573634" sldId="2147483755"/>
              <ac:spMk id="7" creationId="{7ADA8A5B-6FF7-4DC4-AF59-A98B9ED9A92D}"/>
            </ac:spMkLst>
          </pc:spChg>
          <pc:spChg chg="del mod">
            <ac:chgData name="Jonas Bratseth" userId="7880613d-1198-4bca-afa6-2725a9958330" providerId="ADAL" clId="{FF08786F-35DD-4FA5-91F3-FF8315EFC03A}" dt="2021-04-23T11:43:05.765" v="1112" actId="478"/>
            <ac:spMkLst>
              <pc:docMk/>
              <pc:sldMasterMk cId="2320628436" sldId="2147483750"/>
              <pc:sldLayoutMk cId="3815573634" sldId="2147483755"/>
              <ac:spMk id="11" creationId="{AE3C12E5-2F4F-4D23-91A9-A0907C2B0531}"/>
            </ac:spMkLst>
          </pc:spChg>
        </pc:sldLayoutChg>
        <pc:sldLayoutChg chg="addSp delSp modSp mod">
          <pc:chgData name="Jonas Bratseth" userId="7880613d-1198-4bca-afa6-2725a9958330" providerId="ADAL" clId="{FF08786F-35DD-4FA5-91F3-FF8315EFC03A}" dt="2021-04-23T11:43:17.011" v="1114" actId="478"/>
          <pc:sldLayoutMkLst>
            <pc:docMk/>
            <pc:sldMasterMk cId="2320628436" sldId="2147483750"/>
            <pc:sldLayoutMk cId="364998319" sldId="2147483756"/>
          </pc:sldLayoutMkLst>
          <pc:spChg chg="add del mod">
            <ac:chgData name="Jonas Bratseth" userId="7880613d-1198-4bca-afa6-2725a9958330" providerId="ADAL" clId="{FF08786F-35DD-4FA5-91F3-FF8315EFC03A}" dt="2021-04-23T11:43:17.011" v="1114" actId="478"/>
            <ac:spMkLst>
              <pc:docMk/>
              <pc:sldMasterMk cId="2320628436" sldId="2147483750"/>
              <pc:sldLayoutMk cId="364998319" sldId="2147483756"/>
              <ac:spMk id="11" creationId="{AE3C12E5-2F4F-4D23-91A9-A0907C2B0531}"/>
            </ac:spMkLst>
          </pc:spChg>
        </pc:sldLayoutChg>
        <pc:sldLayoutChg chg="addSp delSp modSp mod">
          <pc:chgData name="Jonas Bratseth" userId="7880613d-1198-4bca-afa6-2725a9958330" providerId="ADAL" clId="{FF08786F-35DD-4FA5-91F3-FF8315EFC03A}" dt="2021-04-23T11:43:23.547" v="1117" actId="167"/>
          <pc:sldLayoutMkLst>
            <pc:docMk/>
            <pc:sldMasterMk cId="2320628436" sldId="2147483750"/>
            <pc:sldLayoutMk cId="2825092807" sldId="2147483757"/>
          </pc:sldLayoutMkLst>
          <pc:spChg chg="del mod">
            <ac:chgData name="Jonas Bratseth" userId="7880613d-1198-4bca-afa6-2725a9958330" providerId="ADAL" clId="{FF08786F-35DD-4FA5-91F3-FF8315EFC03A}" dt="2021-04-23T11:43:19.708" v="1115" actId="478"/>
            <ac:spMkLst>
              <pc:docMk/>
              <pc:sldMasterMk cId="2320628436" sldId="2147483750"/>
              <pc:sldLayoutMk cId="2825092807" sldId="2147483757"/>
              <ac:spMk id="6" creationId="{7644BE22-FE64-415A-82E1-57F426B630DE}"/>
            </ac:spMkLst>
          </pc:spChg>
          <pc:spChg chg="add mod ord">
            <ac:chgData name="Jonas Bratseth" userId="7880613d-1198-4bca-afa6-2725a9958330" providerId="ADAL" clId="{FF08786F-35DD-4FA5-91F3-FF8315EFC03A}" dt="2021-04-23T11:43:23.547" v="1117" actId="167"/>
            <ac:spMkLst>
              <pc:docMk/>
              <pc:sldMasterMk cId="2320628436" sldId="2147483750"/>
              <pc:sldLayoutMk cId="2825092807" sldId="2147483757"/>
              <ac:spMk id="10" creationId="{D65FD970-B6F5-48DC-9AA4-AC69DCFA1369}"/>
            </ac:spMkLst>
          </pc:spChg>
        </pc:sldLayoutChg>
        <pc:sldLayoutChg chg="addSp delSp modSp mod">
          <pc:chgData name="Jonas Bratseth" userId="7880613d-1198-4bca-afa6-2725a9958330" providerId="ADAL" clId="{FF08786F-35DD-4FA5-91F3-FF8315EFC03A}" dt="2021-04-23T11:43:29.371" v="1120" actId="167"/>
          <pc:sldLayoutMkLst>
            <pc:docMk/>
            <pc:sldMasterMk cId="2320628436" sldId="2147483750"/>
            <pc:sldLayoutMk cId="2691689161" sldId="2147483758"/>
          </pc:sldLayoutMkLst>
          <pc:spChg chg="del mod">
            <ac:chgData name="Jonas Bratseth" userId="7880613d-1198-4bca-afa6-2725a9958330" providerId="ADAL" clId="{FF08786F-35DD-4FA5-91F3-FF8315EFC03A}" dt="2021-04-23T11:43:26.126" v="1118" actId="478"/>
            <ac:spMkLst>
              <pc:docMk/>
              <pc:sldMasterMk cId="2320628436" sldId="2147483750"/>
              <pc:sldLayoutMk cId="2691689161" sldId="2147483758"/>
              <ac:spMk id="10" creationId="{7C013883-E97D-43E6-B184-0B89BF36D874}"/>
            </ac:spMkLst>
          </pc:spChg>
          <pc:spChg chg="add mod ord">
            <ac:chgData name="Jonas Bratseth" userId="7880613d-1198-4bca-afa6-2725a9958330" providerId="ADAL" clId="{FF08786F-35DD-4FA5-91F3-FF8315EFC03A}" dt="2021-04-23T11:43:29.371" v="1120" actId="167"/>
            <ac:spMkLst>
              <pc:docMk/>
              <pc:sldMasterMk cId="2320628436" sldId="2147483750"/>
              <pc:sldLayoutMk cId="2691689161" sldId="2147483758"/>
              <ac:spMk id="13" creationId="{7BFE638F-3AD3-464E-BF13-79AB95AA7C25}"/>
            </ac:spMkLst>
          </pc:spChg>
        </pc:sldLayoutChg>
        <pc:sldLayoutChg chg="addSp delSp modSp mod">
          <pc:chgData name="Jonas Bratseth" userId="7880613d-1198-4bca-afa6-2725a9958330" providerId="ADAL" clId="{FF08786F-35DD-4FA5-91F3-FF8315EFC03A}" dt="2021-04-23T11:43:34.954" v="1123" actId="167"/>
          <pc:sldLayoutMkLst>
            <pc:docMk/>
            <pc:sldMasterMk cId="2320628436" sldId="2147483750"/>
            <pc:sldLayoutMk cId="2521237057" sldId="2147483759"/>
          </pc:sldLayoutMkLst>
          <pc:spChg chg="del mod">
            <ac:chgData name="Jonas Bratseth" userId="7880613d-1198-4bca-afa6-2725a9958330" providerId="ADAL" clId="{FF08786F-35DD-4FA5-91F3-FF8315EFC03A}" dt="2021-04-23T11:43:31.688" v="1121" actId="478"/>
            <ac:spMkLst>
              <pc:docMk/>
              <pc:sldMasterMk cId="2320628436" sldId="2147483750"/>
              <pc:sldLayoutMk cId="2521237057" sldId="2147483759"/>
              <ac:spMk id="12" creationId="{47F12CFE-0C26-485F-80F4-13F403161141}"/>
            </ac:spMkLst>
          </pc:spChg>
          <pc:spChg chg="add mod ord">
            <ac:chgData name="Jonas Bratseth" userId="7880613d-1198-4bca-afa6-2725a9958330" providerId="ADAL" clId="{FF08786F-35DD-4FA5-91F3-FF8315EFC03A}" dt="2021-04-23T11:43:34.954" v="1123" actId="167"/>
            <ac:spMkLst>
              <pc:docMk/>
              <pc:sldMasterMk cId="2320628436" sldId="2147483750"/>
              <pc:sldLayoutMk cId="2521237057" sldId="2147483759"/>
              <ac:spMk id="13" creationId="{A7DD0381-8D8C-4D69-8735-BDFE5FEADB45}"/>
            </ac:spMkLst>
          </pc:spChg>
        </pc:sldLayoutChg>
        <pc:sldLayoutChg chg="addSp delSp modSp mod">
          <pc:chgData name="Jonas Bratseth" userId="7880613d-1198-4bca-afa6-2725a9958330" providerId="ADAL" clId="{FF08786F-35DD-4FA5-91F3-FF8315EFC03A}" dt="2021-04-23T11:43:39.641" v="1126" actId="167"/>
          <pc:sldLayoutMkLst>
            <pc:docMk/>
            <pc:sldMasterMk cId="2320628436" sldId="2147483750"/>
            <pc:sldLayoutMk cId="3553216223" sldId="2147483760"/>
          </pc:sldLayoutMkLst>
          <pc:spChg chg="add mod ord">
            <ac:chgData name="Jonas Bratseth" userId="7880613d-1198-4bca-afa6-2725a9958330" providerId="ADAL" clId="{FF08786F-35DD-4FA5-91F3-FF8315EFC03A}" dt="2021-04-23T11:43:39.641" v="1126" actId="167"/>
            <ac:spMkLst>
              <pc:docMk/>
              <pc:sldMasterMk cId="2320628436" sldId="2147483750"/>
              <pc:sldLayoutMk cId="3553216223" sldId="2147483760"/>
              <ac:spMk id="15" creationId="{715B95E4-C4BF-4768-A1D0-3C89DC68BBF9}"/>
            </ac:spMkLst>
          </pc:spChg>
          <pc:spChg chg="del mod">
            <ac:chgData name="Jonas Bratseth" userId="7880613d-1198-4bca-afa6-2725a9958330" providerId="ADAL" clId="{FF08786F-35DD-4FA5-91F3-FF8315EFC03A}" dt="2021-04-23T11:43:36.874" v="1124" actId="478"/>
            <ac:spMkLst>
              <pc:docMk/>
              <pc:sldMasterMk cId="2320628436" sldId="2147483750"/>
              <pc:sldLayoutMk cId="3553216223" sldId="2147483760"/>
              <ac:spMk id="18" creationId="{328975A5-8F66-4443-899F-ECAAB50FF85A}"/>
            </ac:spMkLst>
          </pc:spChg>
        </pc:sldLayoutChg>
        <pc:sldLayoutChg chg="addSp delSp modSp mod">
          <pc:chgData name="Jonas Bratseth" userId="7880613d-1198-4bca-afa6-2725a9958330" providerId="ADAL" clId="{FF08786F-35DD-4FA5-91F3-FF8315EFC03A}" dt="2021-04-23T11:43:45.643" v="1129" actId="167"/>
          <pc:sldLayoutMkLst>
            <pc:docMk/>
            <pc:sldMasterMk cId="2320628436" sldId="2147483750"/>
            <pc:sldLayoutMk cId="389349032" sldId="2147483761"/>
          </pc:sldLayoutMkLst>
          <pc:spChg chg="add mod ord">
            <ac:chgData name="Jonas Bratseth" userId="7880613d-1198-4bca-afa6-2725a9958330" providerId="ADAL" clId="{FF08786F-35DD-4FA5-91F3-FF8315EFC03A}" dt="2021-04-23T11:43:45.643" v="1129" actId="167"/>
            <ac:spMkLst>
              <pc:docMk/>
              <pc:sldMasterMk cId="2320628436" sldId="2147483750"/>
              <pc:sldLayoutMk cId="389349032" sldId="2147483761"/>
              <ac:spMk id="16" creationId="{4A37645F-00DE-4717-91AE-21B7FDD76BB4}"/>
            </ac:spMkLst>
          </pc:spChg>
          <pc:spChg chg="del mod">
            <ac:chgData name="Jonas Bratseth" userId="7880613d-1198-4bca-afa6-2725a9958330" providerId="ADAL" clId="{FF08786F-35DD-4FA5-91F3-FF8315EFC03A}" dt="2021-04-23T11:43:43.203" v="1127" actId="478"/>
            <ac:spMkLst>
              <pc:docMk/>
              <pc:sldMasterMk cId="2320628436" sldId="2147483750"/>
              <pc:sldLayoutMk cId="389349032" sldId="2147483761"/>
              <ac:spMk id="20" creationId="{526315F1-9453-435E-AEA2-FA55B81D4DD5}"/>
            </ac:spMkLst>
          </pc:spChg>
        </pc:sldLayoutChg>
        <pc:sldLayoutChg chg="addSp delSp modSp mod">
          <pc:chgData name="Jonas Bratseth" userId="7880613d-1198-4bca-afa6-2725a9958330" providerId="ADAL" clId="{FF08786F-35DD-4FA5-91F3-FF8315EFC03A}" dt="2021-04-23T11:43:57.244" v="1135" actId="167"/>
          <pc:sldLayoutMkLst>
            <pc:docMk/>
            <pc:sldMasterMk cId="2320628436" sldId="2147483750"/>
            <pc:sldLayoutMk cId="4237794960" sldId="2147483762"/>
          </pc:sldLayoutMkLst>
          <pc:spChg chg="del mod">
            <ac:chgData name="Jonas Bratseth" userId="7880613d-1198-4bca-afa6-2725a9958330" providerId="ADAL" clId="{FF08786F-35DD-4FA5-91F3-FF8315EFC03A}" dt="2021-04-23T11:43:53.156" v="1132" actId="478"/>
            <ac:spMkLst>
              <pc:docMk/>
              <pc:sldMasterMk cId="2320628436" sldId="2147483750"/>
              <pc:sldLayoutMk cId="4237794960" sldId="2147483762"/>
              <ac:spMk id="8" creationId="{DA67FE83-5DC7-4783-8255-88F8A967B2A5}"/>
            </ac:spMkLst>
          </pc:spChg>
          <pc:spChg chg="add del mod">
            <ac:chgData name="Jonas Bratseth" userId="7880613d-1198-4bca-afa6-2725a9958330" providerId="ADAL" clId="{FF08786F-35DD-4FA5-91F3-FF8315EFC03A}" dt="2021-04-23T11:43:52" v="1131" actId="478"/>
            <ac:spMkLst>
              <pc:docMk/>
              <pc:sldMasterMk cId="2320628436" sldId="2147483750"/>
              <pc:sldLayoutMk cId="4237794960" sldId="2147483762"/>
              <ac:spMk id="14" creationId="{FF58836F-2232-4B2B-A187-0657677F7211}"/>
            </ac:spMkLst>
          </pc:spChg>
          <pc:spChg chg="add mod ord">
            <ac:chgData name="Jonas Bratseth" userId="7880613d-1198-4bca-afa6-2725a9958330" providerId="ADAL" clId="{FF08786F-35DD-4FA5-91F3-FF8315EFC03A}" dt="2021-04-23T11:43:57.244" v="1135" actId="167"/>
            <ac:spMkLst>
              <pc:docMk/>
              <pc:sldMasterMk cId="2320628436" sldId="2147483750"/>
              <pc:sldLayoutMk cId="4237794960" sldId="2147483762"/>
              <ac:spMk id="15" creationId="{47496953-5DEE-49B4-8211-9067CD1A6D41}"/>
            </ac:spMkLst>
          </pc:spChg>
        </pc:sldLayoutChg>
        <pc:sldLayoutChg chg="addSp delSp modSp mod">
          <pc:chgData name="Jonas Bratseth" userId="7880613d-1198-4bca-afa6-2725a9958330" providerId="ADAL" clId="{FF08786F-35DD-4FA5-91F3-FF8315EFC03A}" dt="2021-04-23T11:44:03.653" v="1138" actId="167"/>
          <pc:sldLayoutMkLst>
            <pc:docMk/>
            <pc:sldMasterMk cId="2320628436" sldId="2147483750"/>
            <pc:sldLayoutMk cId="1968016115" sldId="2147483763"/>
          </pc:sldLayoutMkLst>
          <pc:spChg chg="add mod ord">
            <ac:chgData name="Jonas Bratseth" userId="7880613d-1198-4bca-afa6-2725a9958330" providerId="ADAL" clId="{FF08786F-35DD-4FA5-91F3-FF8315EFC03A}" dt="2021-04-23T11:44:03.653" v="1138" actId="167"/>
            <ac:spMkLst>
              <pc:docMk/>
              <pc:sldMasterMk cId="2320628436" sldId="2147483750"/>
              <pc:sldLayoutMk cId="1968016115" sldId="2147483763"/>
              <ac:spMk id="14" creationId="{3DE3B279-DDF8-466D-BAE3-E1818024BF9A}"/>
            </ac:spMkLst>
          </pc:spChg>
          <pc:spChg chg="del mod">
            <ac:chgData name="Jonas Bratseth" userId="7880613d-1198-4bca-afa6-2725a9958330" providerId="ADAL" clId="{FF08786F-35DD-4FA5-91F3-FF8315EFC03A}" dt="2021-04-23T11:44:00.903" v="1136" actId="478"/>
            <ac:spMkLst>
              <pc:docMk/>
              <pc:sldMasterMk cId="2320628436" sldId="2147483750"/>
              <pc:sldLayoutMk cId="1968016115" sldId="2147483763"/>
              <ac:spMk id="18" creationId="{71F87A5E-1300-4E96-AF48-FE64EB03BE75}"/>
            </ac:spMkLst>
          </pc:spChg>
          <pc:spChg chg="mod">
            <ac:chgData name="Jonas Bratseth" userId="7880613d-1198-4bca-afa6-2725a9958330" providerId="ADAL" clId="{FF08786F-35DD-4FA5-91F3-FF8315EFC03A}" dt="2021-04-14T07:00:11.476" v="889" actId="14100"/>
            <ac:spMkLst>
              <pc:docMk/>
              <pc:sldMasterMk cId="2320628436" sldId="2147483750"/>
              <pc:sldLayoutMk cId="1968016115" sldId="2147483763"/>
              <ac:spMk id="25" creationId="{491A31F3-225A-4D87-ADDA-6E4F2B4414BC}"/>
            </ac:spMkLst>
          </pc:spChg>
          <pc:spChg chg="mod">
            <ac:chgData name="Jonas Bratseth" userId="7880613d-1198-4bca-afa6-2725a9958330" providerId="ADAL" clId="{FF08786F-35DD-4FA5-91F3-FF8315EFC03A}" dt="2021-04-14T07:00:14.681" v="891"/>
            <ac:spMkLst>
              <pc:docMk/>
              <pc:sldMasterMk cId="2320628436" sldId="2147483750"/>
              <pc:sldLayoutMk cId="1968016115" sldId="2147483763"/>
              <ac:spMk id="29" creationId="{39E9E977-CEA3-4EC6-B64B-8B752209210F}"/>
            </ac:spMkLst>
          </pc:spChg>
          <pc:spChg chg="mod">
            <ac:chgData name="Jonas Bratseth" userId="7880613d-1198-4bca-afa6-2725a9958330" providerId="ADAL" clId="{FF08786F-35DD-4FA5-91F3-FF8315EFC03A}" dt="2021-04-14T07:00:14.682" v="893"/>
            <ac:spMkLst>
              <pc:docMk/>
              <pc:sldMasterMk cId="2320628436" sldId="2147483750"/>
              <pc:sldLayoutMk cId="1968016115" sldId="2147483763"/>
              <ac:spMk id="31" creationId="{9A0707BB-1CE3-46AA-B7BC-5BE7AF8A6C7E}"/>
            </ac:spMkLst>
          </pc:spChg>
          <pc:spChg chg="del">
            <ac:chgData name="Jonas Bratseth" userId="7880613d-1198-4bca-afa6-2725a9958330" providerId="ADAL" clId="{FF08786F-35DD-4FA5-91F3-FF8315EFC03A}" dt="2021-04-14T06:59:45.076" v="888" actId="478"/>
            <ac:spMkLst>
              <pc:docMk/>
              <pc:sldMasterMk cId="2320628436" sldId="2147483750"/>
              <pc:sldLayoutMk cId="1968016115" sldId="2147483763"/>
              <ac:spMk id="32" creationId="{9499EFE1-8CBA-423F-8122-58E739F6751B}"/>
            </ac:spMkLst>
          </pc:spChg>
          <pc:spChg chg="del">
            <ac:chgData name="Jonas Bratseth" userId="7880613d-1198-4bca-afa6-2725a9958330" providerId="ADAL" clId="{FF08786F-35DD-4FA5-91F3-FF8315EFC03A}" dt="2021-04-14T06:59:45.076" v="888" actId="478"/>
            <ac:spMkLst>
              <pc:docMk/>
              <pc:sldMasterMk cId="2320628436" sldId="2147483750"/>
              <pc:sldLayoutMk cId="1968016115" sldId="2147483763"/>
              <ac:spMk id="34" creationId="{4663B884-1B37-4D3C-BA4C-6E4DFDC6B7E9}"/>
            </ac:spMkLst>
          </pc:spChg>
          <pc:spChg chg="mod">
            <ac:chgData name="Jonas Bratseth" userId="7880613d-1198-4bca-afa6-2725a9958330" providerId="ADAL" clId="{FF08786F-35DD-4FA5-91F3-FF8315EFC03A}" dt="2021-04-14T07:00:14.682" v="895"/>
            <ac:spMkLst>
              <pc:docMk/>
              <pc:sldMasterMk cId="2320628436" sldId="2147483750"/>
              <pc:sldLayoutMk cId="1968016115" sldId="2147483763"/>
              <ac:spMk id="35" creationId="{F561E615-F952-477F-8C9B-46657624D0D6}"/>
            </ac:spMkLst>
          </pc:spChg>
          <pc:spChg chg="del">
            <ac:chgData name="Jonas Bratseth" userId="7880613d-1198-4bca-afa6-2725a9958330" providerId="ADAL" clId="{FF08786F-35DD-4FA5-91F3-FF8315EFC03A}" dt="2021-04-14T06:59:45.076" v="888" actId="478"/>
            <ac:spMkLst>
              <pc:docMk/>
              <pc:sldMasterMk cId="2320628436" sldId="2147483750"/>
              <pc:sldLayoutMk cId="1968016115" sldId="2147483763"/>
              <ac:spMk id="36" creationId="{D5AEE4FD-CC8C-4092-AAA0-989B431A8483}"/>
            </ac:spMkLst>
          </pc:spChg>
          <pc:spChg chg="del">
            <ac:chgData name="Jonas Bratseth" userId="7880613d-1198-4bca-afa6-2725a9958330" providerId="ADAL" clId="{FF08786F-35DD-4FA5-91F3-FF8315EFC03A}" dt="2021-04-14T06:59:45.076" v="888" actId="478"/>
            <ac:spMkLst>
              <pc:docMk/>
              <pc:sldMasterMk cId="2320628436" sldId="2147483750"/>
              <pc:sldLayoutMk cId="1968016115" sldId="2147483763"/>
              <ac:spMk id="41" creationId="{D5EB240A-3766-4487-8B37-EF0F3B69118B}"/>
            </ac:spMkLst>
          </pc:spChg>
          <pc:spChg chg="del">
            <ac:chgData name="Jonas Bratseth" userId="7880613d-1198-4bca-afa6-2725a9958330" providerId="ADAL" clId="{FF08786F-35DD-4FA5-91F3-FF8315EFC03A}" dt="2021-04-14T06:59:45.076" v="888" actId="478"/>
            <ac:spMkLst>
              <pc:docMk/>
              <pc:sldMasterMk cId="2320628436" sldId="2147483750"/>
              <pc:sldLayoutMk cId="1968016115" sldId="2147483763"/>
              <ac:spMk id="42" creationId="{E7A50160-9C8F-4AEA-B2A9-645F2215554C}"/>
            </ac:spMkLst>
          </pc:spChg>
          <pc:cxnChg chg="del">
            <ac:chgData name="Jonas Bratseth" userId="7880613d-1198-4bca-afa6-2725a9958330" providerId="ADAL" clId="{FF08786F-35DD-4FA5-91F3-FF8315EFC03A}" dt="2021-04-14T06:59:45.076" v="888" actId="478"/>
            <ac:cxnSpMkLst>
              <pc:docMk/>
              <pc:sldMasterMk cId="2320628436" sldId="2147483750"/>
              <pc:sldLayoutMk cId="1968016115" sldId="2147483763"/>
              <ac:cxnSpMk id="46" creationId="{07D70D71-7D65-456F-8918-0D83F0B88E9C}"/>
            </ac:cxnSpMkLst>
          </pc:cxnChg>
        </pc:sldLayoutChg>
        <pc:sldLayoutChg chg="addSp delSp modSp mod">
          <pc:chgData name="Jonas Bratseth" userId="7880613d-1198-4bca-afa6-2725a9958330" providerId="ADAL" clId="{FF08786F-35DD-4FA5-91F3-FF8315EFC03A}" dt="2021-04-23T11:44:08.706" v="1141" actId="167"/>
          <pc:sldLayoutMkLst>
            <pc:docMk/>
            <pc:sldMasterMk cId="2320628436" sldId="2147483750"/>
            <pc:sldLayoutMk cId="3826938538" sldId="2147483764"/>
          </pc:sldLayoutMkLst>
          <pc:spChg chg="add mod ord">
            <ac:chgData name="Jonas Bratseth" userId="7880613d-1198-4bca-afa6-2725a9958330" providerId="ADAL" clId="{FF08786F-35DD-4FA5-91F3-FF8315EFC03A}" dt="2021-04-23T11:44:08.706" v="1141" actId="167"/>
            <ac:spMkLst>
              <pc:docMk/>
              <pc:sldMasterMk cId="2320628436" sldId="2147483750"/>
              <pc:sldLayoutMk cId="3826938538" sldId="2147483764"/>
              <ac:spMk id="18" creationId="{76539932-1E73-416C-8188-05D9D9AB2176}"/>
            </ac:spMkLst>
          </pc:spChg>
          <pc:spChg chg="del mod">
            <ac:chgData name="Jonas Bratseth" userId="7880613d-1198-4bca-afa6-2725a9958330" providerId="ADAL" clId="{FF08786F-35DD-4FA5-91F3-FF8315EFC03A}" dt="2021-04-23T11:44:06.359" v="1139" actId="478"/>
            <ac:spMkLst>
              <pc:docMk/>
              <pc:sldMasterMk cId="2320628436" sldId="2147483750"/>
              <pc:sldLayoutMk cId="3826938538" sldId="2147483764"/>
              <ac:spMk id="20" creationId="{AC1B5946-BFD6-40B1-A104-411E61CBC47D}"/>
            </ac:spMkLst>
          </pc:spChg>
        </pc:sldLayoutChg>
        <pc:sldLayoutChg chg="addSp delSp modSp mod">
          <pc:chgData name="Jonas Bratseth" userId="7880613d-1198-4bca-afa6-2725a9958330" providerId="ADAL" clId="{FF08786F-35DD-4FA5-91F3-FF8315EFC03A}" dt="2021-04-23T11:44:31.193" v="1147" actId="167"/>
          <pc:sldLayoutMkLst>
            <pc:docMk/>
            <pc:sldMasterMk cId="2320628436" sldId="2147483750"/>
            <pc:sldLayoutMk cId="3568688972" sldId="2147483765"/>
          </pc:sldLayoutMkLst>
          <pc:spChg chg="del mod">
            <ac:chgData name="Jonas Bratseth" userId="7880613d-1198-4bca-afa6-2725a9958330" providerId="ADAL" clId="{FF08786F-35DD-4FA5-91F3-FF8315EFC03A}" dt="2021-04-23T11:44:28.035" v="1145" actId="478"/>
            <ac:spMkLst>
              <pc:docMk/>
              <pc:sldMasterMk cId="2320628436" sldId="2147483750"/>
              <pc:sldLayoutMk cId="3568688972" sldId="2147483765"/>
              <ac:spMk id="4" creationId="{5511272A-7492-4B8C-A913-E3689317DDA0}"/>
            </ac:spMkLst>
          </pc:spChg>
          <pc:spChg chg="add mod ord">
            <ac:chgData name="Jonas Bratseth" userId="7880613d-1198-4bca-afa6-2725a9958330" providerId="ADAL" clId="{FF08786F-35DD-4FA5-91F3-FF8315EFC03A}" dt="2021-04-23T11:44:31.193" v="1147" actId="167"/>
            <ac:spMkLst>
              <pc:docMk/>
              <pc:sldMasterMk cId="2320628436" sldId="2147483750"/>
              <pc:sldLayoutMk cId="3568688972" sldId="2147483765"/>
              <ac:spMk id="8" creationId="{08837074-A41C-4499-BC7D-9E0AF85D67FB}"/>
            </ac:spMkLst>
          </pc:spChg>
        </pc:sldLayoutChg>
        <pc:sldLayoutChg chg="addSp delSp modSp mod">
          <pc:chgData name="Jonas Bratseth" userId="7880613d-1198-4bca-afa6-2725a9958330" providerId="ADAL" clId="{FF08786F-35DD-4FA5-91F3-FF8315EFC03A}" dt="2021-04-23T11:44:12.835" v="1144" actId="167"/>
          <pc:sldLayoutMkLst>
            <pc:docMk/>
            <pc:sldMasterMk cId="2320628436" sldId="2147483750"/>
            <pc:sldLayoutMk cId="3113852648" sldId="2147483785"/>
          </pc:sldLayoutMkLst>
          <pc:spChg chg="add del mod">
            <ac:chgData name="Jonas Bratseth" userId="7880613d-1198-4bca-afa6-2725a9958330" providerId="ADAL" clId="{FF08786F-35DD-4FA5-91F3-FF8315EFC03A}" dt="2021-04-23T11:44:10.279" v="1142" actId="478"/>
            <ac:spMkLst>
              <pc:docMk/>
              <pc:sldMasterMk cId="2320628436" sldId="2147483750"/>
              <pc:sldLayoutMk cId="3113852648" sldId="2147483785"/>
              <ac:spMk id="12" creationId="{98D9657F-90AA-40C4-9DD7-37C9539F7ACD}"/>
            </ac:spMkLst>
          </pc:spChg>
          <pc:spChg chg="add mod">
            <ac:chgData name="Jonas Bratseth" userId="7880613d-1198-4bca-afa6-2725a9958330" providerId="ADAL" clId="{FF08786F-35DD-4FA5-91F3-FF8315EFC03A}" dt="2021-04-14T07:00:48.807" v="897"/>
            <ac:spMkLst>
              <pc:docMk/>
              <pc:sldMasterMk cId="2320628436" sldId="2147483750"/>
              <pc:sldLayoutMk cId="3113852648" sldId="2147483785"/>
              <ac:spMk id="13" creationId="{90A882E4-74CE-4D92-BC8D-06B977AEB64A}"/>
            </ac:spMkLst>
          </pc:spChg>
          <pc:spChg chg="add mod">
            <ac:chgData name="Jonas Bratseth" userId="7880613d-1198-4bca-afa6-2725a9958330" providerId="ADAL" clId="{FF08786F-35DD-4FA5-91F3-FF8315EFC03A}" dt="2021-04-14T07:00:48.807" v="897"/>
            <ac:spMkLst>
              <pc:docMk/>
              <pc:sldMasterMk cId="2320628436" sldId="2147483750"/>
              <pc:sldLayoutMk cId="3113852648" sldId="2147483785"/>
              <ac:spMk id="14" creationId="{0B11BCFA-81AC-404C-B12E-AB24A852C210}"/>
            </ac:spMkLst>
          </pc:spChg>
          <pc:spChg chg="add mod ord">
            <ac:chgData name="Jonas Bratseth" userId="7880613d-1198-4bca-afa6-2725a9958330" providerId="ADAL" clId="{FF08786F-35DD-4FA5-91F3-FF8315EFC03A}" dt="2021-04-23T11:44:12.835" v="1144" actId="167"/>
            <ac:spMkLst>
              <pc:docMk/>
              <pc:sldMasterMk cId="2320628436" sldId="2147483750"/>
              <pc:sldLayoutMk cId="3113852648" sldId="2147483785"/>
              <ac:spMk id="15" creationId="{A7B3EC54-C1D9-4993-BCF2-0F580D9823AB}"/>
            </ac:spMkLst>
          </pc:spChg>
          <pc:spChg chg="del">
            <ac:chgData name="Jonas Bratseth" userId="7880613d-1198-4bca-afa6-2725a9958330" providerId="ADAL" clId="{FF08786F-35DD-4FA5-91F3-FF8315EFC03A}" dt="2021-04-14T07:00:47.982" v="896" actId="478"/>
            <ac:spMkLst>
              <pc:docMk/>
              <pc:sldMasterMk cId="2320628436" sldId="2147483750"/>
              <pc:sldLayoutMk cId="3113852648" sldId="2147483785"/>
              <ac:spMk id="19" creationId="{61A31FA8-45E7-4F21-920C-1CD45F20D7EB}"/>
            </ac:spMkLst>
          </pc:spChg>
        </pc:sldLayoutChg>
      </pc:sldMasterChg>
      <pc:sldMasterChg chg="addSp delSp modSp mod setBg delSldLayout modSldLayout">
        <pc:chgData name="Jonas Bratseth" userId="7880613d-1198-4bca-afa6-2725a9958330" providerId="ADAL" clId="{FF08786F-35DD-4FA5-91F3-FF8315EFC03A}" dt="2021-04-28T09:14:50.616" v="1351" actId="2696"/>
        <pc:sldMasterMkLst>
          <pc:docMk/>
          <pc:sldMasterMk cId="2243831206" sldId="2147483767"/>
        </pc:sldMasterMkLst>
        <pc:spChg chg="mod">
          <ac:chgData name="Jonas Bratseth" userId="7880613d-1198-4bca-afa6-2725a9958330" providerId="ADAL" clId="{FF08786F-35DD-4FA5-91F3-FF8315EFC03A}" dt="2021-04-13T06:00:33.067" v="760" actId="207"/>
          <ac:spMkLst>
            <pc:docMk/>
            <pc:sldMasterMk cId="2243831206" sldId="2147483767"/>
            <ac:spMk id="2" creationId="{EC00E0C1-94DD-4E87-91A3-A53B9DA66CC3}"/>
          </ac:spMkLst>
        </pc:spChg>
        <pc:spChg chg="mod">
          <ac:chgData name="Jonas Bratseth" userId="7880613d-1198-4bca-afa6-2725a9958330" providerId="ADAL" clId="{FF08786F-35DD-4FA5-91F3-FF8315EFC03A}" dt="2021-04-13T06:00:30.799" v="759" actId="207"/>
          <ac:spMkLst>
            <pc:docMk/>
            <pc:sldMasterMk cId="2243831206" sldId="2147483767"/>
            <ac:spMk id="3" creationId="{FB7FA735-9FEC-45E4-8627-8C8C6073AC5F}"/>
          </ac:spMkLst>
        </pc:spChg>
        <pc:spChg chg="mod">
          <ac:chgData name="Jonas Bratseth" userId="7880613d-1198-4bca-afa6-2725a9958330" providerId="ADAL" clId="{FF08786F-35DD-4FA5-91F3-FF8315EFC03A}" dt="2021-04-13T06:08:23.772" v="800" actId="207"/>
          <ac:spMkLst>
            <pc:docMk/>
            <pc:sldMasterMk cId="2243831206" sldId="2147483767"/>
            <ac:spMk id="5" creationId="{596F47F6-6A98-4E1E-B01E-2BE8C7E1830A}"/>
          </ac:spMkLst>
        </pc:spChg>
        <pc:picChg chg="add mod modVis">
          <ac:chgData name="Jonas Bratseth" userId="7880613d-1198-4bca-afa6-2725a9958330" providerId="ADAL" clId="{FF08786F-35DD-4FA5-91F3-FF8315EFC03A}" dt="2021-04-13T06:04:37.745" v="776" actId="14429"/>
          <ac:picMkLst>
            <pc:docMk/>
            <pc:sldMasterMk cId="2243831206" sldId="2147483767"/>
            <ac:picMk id="6" creationId="{3FEE7967-53CC-4021-BDEB-20FE13A57324}"/>
          </ac:picMkLst>
        </pc:picChg>
        <pc:picChg chg="del">
          <ac:chgData name="Jonas Bratseth" userId="7880613d-1198-4bca-afa6-2725a9958330" providerId="ADAL" clId="{FF08786F-35DD-4FA5-91F3-FF8315EFC03A}" dt="2021-04-13T06:04:35.638" v="775" actId="478"/>
          <ac:picMkLst>
            <pc:docMk/>
            <pc:sldMasterMk cId="2243831206" sldId="2147483767"/>
            <ac:picMk id="14" creationId="{734540D3-19D1-4343-B2B9-64CF5617C5FD}"/>
          </ac:picMkLst>
        </pc:picChg>
        <pc:sldLayoutChg chg="addSp delSp modSp mod">
          <pc:chgData name="Jonas Bratseth" userId="7880613d-1198-4bca-afa6-2725a9958330" providerId="ADAL" clId="{FF08786F-35DD-4FA5-91F3-FF8315EFC03A}" dt="2021-04-28T09:10:38.950" v="1345" actId="478"/>
          <pc:sldLayoutMkLst>
            <pc:docMk/>
            <pc:sldMasterMk cId="2243831206" sldId="2147483767"/>
            <pc:sldLayoutMk cId="1983850776" sldId="2147483768"/>
          </pc:sldLayoutMkLst>
          <pc:spChg chg="del">
            <ac:chgData name="Jonas Bratseth" userId="7880613d-1198-4bca-afa6-2725a9958330" providerId="ADAL" clId="{FF08786F-35DD-4FA5-91F3-FF8315EFC03A}" dt="2021-04-28T09:10:38.950" v="1345" actId="478"/>
            <ac:spMkLst>
              <pc:docMk/>
              <pc:sldMasterMk cId="2243831206" sldId="2147483767"/>
              <pc:sldLayoutMk cId="1983850776" sldId="2147483768"/>
              <ac:spMk id="10" creationId="{BA9FE935-F199-41D7-871A-24EC1D9C5AD9}"/>
            </ac:spMkLst>
          </pc:spChg>
          <pc:spChg chg="mod">
            <ac:chgData name="Jonas Bratseth" userId="7880613d-1198-4bca-afa6-2725a9958330" providerId="ADAL" clId="{FF08786F-35DD-4FA5-91F3-FF8315EFC03A}" dt="2021-04-13T06:08:21.064" v="799" actId="207"/>
            <ac:spMkLst>
              <pc:docMk/>
              <pc:sldMasterMk cId="2243831206" sldId="2147483767"/>
              <pc:sldLayoutMk cId="1983850776" sldId="2147483768"/>
              <ac:spMk id="11" creationId="{A4B5E9D0-5AD0-4620-898F-B8CBAD3BCBA3}"/>
            </ac:spMkLst>
          </pc:spChg>
          <pc:spChg chg="add del mod">
            <ac:chgData name="Jonas Bratseth" userId="7880613d-1198-4bca-afa6-2725a9958330" providerId="ADAL" clId="{FF08786F-35DD-4FA5-91F3-FF8315EFC03A}" dt="2021-04-23T11:39:29.927" v="1050" actId="478"/>
            <ac:spMkLst>
              <pc:docMk/>
              <pc:sldMasterMk cId="2243831206" sldId="2147483767"/>
              <pc:sldLayoutMk cId="1983850776" sldId="2147483768"/>
              <ac:spMk id="14" creationId="{1B073A86-0531-481B-A9B1-EEA48852F4DE}"/>
            </ac:spMkLst>
          </pc:spChg>
          <pc:spChg chg="add del mod">
            <ac:chgData name="Jonas Bratseth" userId="7880613d-1198-4bca-afa6-2725a9958330" providerId="ADAL" clId="{FF08786F-35DD-4FA5-91F3-FF8315EFC03A}" dt="2021-04-23T11:39:56.499" v="1053" actId="478"/>
            <ac:spMkLst>
              <pc:docMk/>
              <pc:sldMasterMk cId="2243831206" sldId="2147483767"/>
              <pc:sldLayoutMk cId="1983850776" sldId="2147483768"/>
              <ac:spMk id="15" creationId="{94B7906E-2C66-421F-9FA3-5C5083F631EC}"/>
            </ac:spMkLst>
          </pc:spChg>
          <pc:picChg chg="add mod">
            <ac:chgData name="Jonas Bratseth" userId="7880613d-1198-4bca-afa6-2725a9958330" providerId="ADAL" clId="{FF08786F-35DD-4FA5-91F3-FF8315EFC03A}" dt="2021-04-13T06:04:57.237" v="779"/>
            <ac:picMkLst>
              <pc:docMk/>
              <pc:sldMasterMk cId="2243831206" sldId="2147483767"/>
              <pc:sldLayoutMk cId="1983850776" sldId="2147483768"/>
              <ac:picMk id="9" creationId="{31B4F5CB-508E-40CD-99E9-A75C5CF5181B}"/>
            </ac:picMkLst>
          </pc:picChg>
          <pc:picChg chg="del">
            <ac:chgData name="Jonas Bratseth" userId="7880613d-1198-4bca-afa6-2725a9958330" providerId="ADAL" clId="{FF08786F-35DD-4FA5-91F3-FF8315EFC03A}" dt="2021-04-13T06:04:52.309" v="778" actId="478"/>
            <ac:picMkLst>
              <pc:docMk/>
              <pc:sldMasterMk cId="2243831206" sldId="2147483767"/>
              <pc:sldLayoutMk cId="1983850776" sldId="2147483768"/>
              <ac:picMk id="31" creationId="{655D799E-E9E5-46D2-A4A8-C2991ED7CD80}"/>
            </ac:picMkLst>
          </pc:picChg>
        </pc:sldLayoutChg>
        <pc:sldLayoutChg chg="delSp modSp del mod">
          <pc:chgData name="Jonas Bratseth" userId="7880613d-1198-4bca-afa6-2725a9958330" providerId="ADAL" clId="{FF08786F-35DD-4FA5-91F3-FF8315EFC03A}" dt="2021-04-28T09:14:50.616" v="1351" actId="2696"/>
          <pc:sldLayoutMkLst>
            <pc:docMk/>
            <pc:sldMasterMk cId="2243831206" sldId="2147483767"/>
            <pc:sldLayoutMk cId="781437595" sldId="2147483769"/>
          </pc:sldLayoutMkLst>
          <pc:spChg chg="mod">
            <ac:chgData name="Jonas Bratseth" userId="7880613d-1198-4bca-afa6-2725a9958330" providerId="ADAL" clId="{FF08786F-35DD-4FA5-91F3-FF8315EFC03A}" dt="2021-04-13T06:05:08.881" v="780" actId="207"/>
            <ac:spMkLst>
              <pc:docMk/>
              <pc:sldMasterMk cId="2243831206" sldId="2147483767"/>
              <pc:sldLayoutMk cId="781437595" sldId="2147483769"/>
              <ac:spMk id="2" creationId="{A1E49F8F-D418-4FBA-825E-A63F2DDD8F1E}"/>
            </ac:spMkLst>
          </pc:spChg>
          <pc:spChg chg="mod">
            <ac:chgData name="Jonas Bratseth" userId="7880613d-1198-4bca-afa6-2725a9958330" providerId="ADAL" clId="{FF08786F-35DD-4FA5-91F3-FF8315EFC03A}" dt="2021-04-13T06:05:08.881" v="780" actId="207"/>
            <ac:spMkLst>
              <pc:docMk/>
              <pc:sldMasterMk cId="2243831206" sldId="2147483767"/>
              <pc:sldLayoutMk cId="781437595" sldId="2147483769"/>
              <ac:spMk id="3" creationId="{8637D6E0-F061-4BBC-8DBC-562373D266A8}"/>
            </ac:spMkLst>
          </pc:spChg>
          <pc:spChg chg="mod">
            <ac:chgData name="Jonas Bratseth" userId="7880613d-1198-4bca-afa6-2725a9958330" providerId="ADAL" clId="{FF08786F-35DD-4FA5-91F3-FF8315EFC03A}" dt="2021-04-13T06:05:08.881" v="780" actId="207"/>
            <ac:spMkLst>
              <pc:docMk/>
              <pc:sldMasterMk cId="2243831206" sldId="2147483767"/>
              <pc:sldLayoutMk cId="781437595" sldId="2147483769"/>
              <ac:spMk id="5" creationId="{8EDAF1BB-D4DD-4390-8C59-BBD2D2C67E20}"/>
            </ac:spMkLst>
          </pc:spChg>
          <pc:spChg chg="mod">
            <ac:chgData name="Jonas Bratseth" userId="7880613d-1198-4bca-afa6-2725a9958330" providerId="ADAL" clId="{FF08786F-35DD-4FA5-91F3-FF8315EFC03A}" dt="2021-04-13T06:05:08.881" v="780" actId="207"/>
            <ac:spMkLst>
              <pc:docMk/>
              <pc:sldMasterMk cId="2243831206" sldId="2147483767"/>
              <pc:sldLayoutMk cId="781437595" sldId="2147483769"/>
              <ac:spMk id="9" creationId="{47C6278C-3D38-4D4F-9845-8E9C33C17261}"/>
            </ac:spMkLst>
          </pc:spChg>
          <pc:picChg chg="del">
            <ac:chgData name="Jonas Bratseth" userId="7880613d-1198-4bca-afa6-2725a9958330" providerId="ADAL" clId="{FF08786F-35DD-4FA5-91F3-FF8315EFC03A}" dt="2021-04-13T06:05:17.984" v="781" actId="478"/>
            <ac:picMkLst>
              <pc:docMk/>
              <pc:sldMasterMk cId="2243831206" sldId="2147483767"/>
              <pc:sldLayoutMk cId="781437595" sldId="2147483769"/>
              <ac:picMk id="31" creationId="{655D799E-E9E5-46D2-A4A8-C2991ED7CD80}"/>
            </ac:picMkLst>
          </pc:picChg>
        </pc:sldLayoutChg>
        <pc:sldLayoutChg chg="addSp delSp modSp mod setBg">
          <pc:chgData name="Jonas Bratseth" userId="7880613d-1198-4bca-afa6-2725a9958330" providerId="ADAL" clId="{FF08786F-35DD-4FA5-91F3-FF8315EFC03A}" dt="2021-04-14T06:17:43.398" v="821" actId="207"/>
          <pc:sldLayoutMkLst>
            <pc:docMk/>
            <pc:sldMasterMk cId="2243831206" sldId="2147483767"/>
            <pc:sldLayoutMk cId="2098187026" sldId="2147483770"/>
          </pc:sldLayoutMkLst>
          <pc:spChg chg="mod">
            <ac:chgData name="Jonas Bratseth" userId="7880613d-1198-4bca-afa6-2725a9958330" providerId="ADAL" clId="{FF08786F-35DD-4FA5-91F3-FF8315EFC03A}" dt="2021-04-14T06:17:36.472" v="819" actId="207"/>
            <ac:spMkLst>
              <pc:docMk/>
              <pc:sldMasterMk cId="2243831206" sldId="2147483767"/>
              <pc:sldLayoutMk cId="2098187026" sldId="2147483770"/>
              <ac:spMk id="3" creationId="{8637D6E0-F061-4BBC-8DBC-562373D266A8}"/>
            </ac:spMkLst>
          </pc:spChg>
          <pc:spChg chg="mod">
            <ac:chgData name="Jonas Bratseth" userId="7880613d-1198-4bca-afa6-2725a9958330" providerId="ADAL" clId="{FF08786F-35DD-4FA5-91F3-FF8315EFC03A}" dt="2021-04-14T06:17:39.811" v="820" actId="207"/>
            <ac:spMkLst>
              <pc:docMk/>
              <pc:sldMasterMk cId="2243831206" sldId="2147483767"/>
              <pc:sldLayoutMk cId="2098187026" sldId="2147483770"/>
              <ac:spMk id="21" creationId="{97978271-5187-4431-9708-C927DF0F7F6D}"/>
            </ac:spMkLst>
          </pc:spChg>
          <pc:spChg chg="mod">
            <ac:chgData name="Jonas Bratseth" userId="7880613d-1198-4bca-afa6-2725a9958330" providerId="ADAL" clId="{FF08786F-35DD-4FA5-91F3-FF8315EFC03A}" dt="2021-04-14T06:17:43.398" v="821" actId="207"/>
            <ac:spMkLst>
              <pc:docMk/>
              <pc:sldMasterMk cId="2243831206" sldId="2147483767"/>
              <pc:sldLayoutMk cId="2098187026" sldId="2147483770"/>
              <ac:spMk id="22" creationId="{45768DF2-6EBF-48BC-A321-F4FD52853E7F}"/>
            </ac:spMkLst>
          </pc:spChg>
          <pc:picChg chg="add mod">
            <ac:chgData name="Jonas Bratseth" userId="7880613d-1198-4bca-afa6-2725a9958330" providerId="ADAL" clId="{FF08786F-35DD-4FA5-91F3-FF8315EFC03A}" dt="2021-04-13T06:05:29.425" v="783"/>
            <ac:picMkLst>
              <pc:docMk/>
              <pc:sldMasterMk cId="2243831206" sldId="2147483767"/>
              <pc:sldLayoutMk cId="2098187026" sldId="2147483770"/>
              <ac:picMk id="10" creationId="{0597384E-57FD-4F04-8C50-6AF0A2BD8C6B}"/>
            </ac:picMkLst>
          </pc:picChg>
          <pc:picChg chg="del">
            <ac:chgData name="Jonas Bratseth" userId="7880613d-1198-4bca-afa6-2725a9958330" providerId="ADAL" clId="{FF08786F-35DD-4FA5-91F3-FF8315EFC03A}" dt="2021-04-13T06:05:26.565" v="782" actId="478"/>
            <ac:picMkLst>
              <pc:docMk/>
              <pc:sldMasterMk cId="2243831206" sldId="2147483767"/>
              <pc:sldLayoutMk cId="2098187026" sldId="2147483770"/>
              <ac:picMk id="31" creationId="{655D799E-E9E5-46D2-A4A8-C2991ED7CD80}"/>
            </ac:picMkLst>
          </pc:picChg>
        </pc:sldLayoutChg>
        <pc:sldLayoutChg chg="addSp delSp modSp mod setBg">
          <pc:chgData name="Jonas Bratseth" userId="7880613d-1198-4bca-afa6-2725a9958330" providerId="ADAL" clId="{FF08786F-35DD-4FA5-91F3-FF8315EFC03A}" dt="2021-04-14T06:18:07.364" v="824" actId="207"/>
          <pc:sldLayoutMkLst>
            <pc:docMk/>
            <pc:sldMasterMk cId="2243831206" sldId="2147483767"/>
            <pc:sldLayoutMk cId="3224551424" sldId="2147483771"/>
          </pc:sldLayoutMkLst>
          <pc:spChg chg="del">
            <ac:chgData name="Jonas Bratseth" userId="7880613d-1198-4bca-afa6-2725a9958330" providerId="ADAL" clId="{FF08786F-35DD-4FA5-91F3-FF8315EFC03A}" dt="2021-04-13T06:07:29" v="790" actId="478"/>
            <ac:spMkLst>
              <pc:docMk/>
              <pc:sldMasterMk cId="2243831206" sldId="2147483767"/>
              <pc:sldLayoutMk cId="3224551424" sldId="2147483771"/>
              <ac:spMk id="2" creationId="{A1E49F8F-D418-4FBA-825E-A63F2DDD8F1E}"/>
            </ac:spMkLst>
          </pc:spChg>
          <pc:spChg chg="del">
            <ac:chgData name="Jonas Bratseth" userId="7880613d-1198-4bca-afa6-2725a9958330" providerId="ADAL" clId="{FF08786F-35DD-4FA5-91F3-FF8315EFC03A}" dt="2021-04-13T06:07:30.399" v="791" actId="478"/>
            <ac:spMkLst>
              <pc:docMk/>
              <pc:sldMasterMk cId="2243831206" sldId="2147483767"/>
              <pc:sldLayoutMk cId="3224551424" sldId="2147483771"/>
              <ac:spMk id="3" creationId="{8637D6E0-F061-4BBC-8DBC-562373D266A8}"/>
            </ac:spMkLst>
          </pc:spChg>
          <pc:spChg chg="mod">
            <ac:chgData name="Jonas Bratseth" userId="7880613d-1198-4bca-afa6-2725a9958330" providerId="ADAL" clId="{FF08786F-35DD-4FA5-91F3-FF8315EFC03A}" dt="2021-04-13T06:07:41.650" v="794" actId="207"/>
            <ac:spMkLst>
              <pc:docMk/>
              <pc:sldMasterMk cId="2243831206" sldId="2147483767"/>
              <pc:sldLayoutMk cId="3224551424" sldId="2147483771"/>
              <ac:spMk id="6" creationId="{9411C7D4-48C4-4B82-9272-C825344475C8}"/>
            </ac:spMkLst>
          </pc:spChg>
          <pc:spChg chg="add mod">
            <ac:chgData name="Jonas Bratseth" userId="7880613d-1198-4bca-afa6-2725a9958330" providerId="ADAL" clId="{FF08786F-35DD-4FA5-91F3-FF8315EFC03A}" dt="2021-04-14T06:17:58.656" v="822" actId="207"/>
            <ac:spMkLst>
              <pc:docMk/>
              <pc:sldMasterMk cId="2243831206" sldId="2147483767"/>
              <pc:sldLayoutMk cId="3224551424" sldId="2147483771"/>
              <ac:spMk id="10" creationId="{A0E397CE-3BE9-4B6D-A6CA-DA7C6931A237}"/>
            </ac:spMkLst>
          </pc:spChg>
          <pc:spChg chg="add mod">
            <ac:chgData name="Jonas Bratseth" userId="7880613d-1198-4bca-afa6-2725a9958330" providerId="ADAL" clId="{FF08786F-35DD-4FA5-91F3-FF8315EFC03A}" dt="2021-04-14T06:18:07.364" v="824" actId="207"/>
            <ac:spMkLst>
              <pc:docMk/>
              <pc:sldMasterMk cId="2243831206" sldId="2147483767"/>
              <pc:sldLayoutMk cId="3224551424" sldId="2147483771"/>
              <ac:spMk id="11" creationId="{C48FCAF9-0444-4E65-BC4B-318753FE8C19}"/>
            </ac:spMkLst>
          </pc:spChg>
          <pc:spChg chg="add mod">
            <ac:chgData name="Jonas Bratseth" userId="7880613d-1198-4bca-afa6-2725a9958330" providerId="ADAL" clId="{FF08786F-35DD-4FA5-91F3-FF8315EFC03A}" dt="2021-04-14T06:18:07.364" v="824" actId="207"/>
            <ac:spMkLst>
              <pc:docMk/>
              <pc:sldMasterMk cId="2243831206" sldId="2147483767"/>
              <pc:sldLayoutMk cId="3224551424" sldId="2147483771"/>
              <ac:spMk id="12" creationId="{2228278C-DF93-4814-8B34-D031DEE1A188}"/>
            </ac:spMkLst>
          </pc:spChg>
          <pc:picChg chg="add mod">
            <ac:chgData name="Jonas Bratseth" userId="7880613d-1198-4bca-afa6-2725a9958330" providerId="ADAL" clId="{FF08786F-35DD-4FA5-91F3-FF8315EFC03A}" dt="2021-04-13T06:06:33.060" v="789"/>
            <ac:picMkLst>
              <pc:docMk/>
              <pc:sldMasterMk cId="2243831206" sldId="2147483767"/>
              <pc:sldLayoutMk cId="3224551424" sldId="2147483771"/>
              <ac:picMk id="9" creationId="{B691721E-7EAA-4CAE-8AD6-46313E87B524}"/>
            </ac:picMkLst>
          </pc:picChg>
          <pc:picChg chg="del">
            <ac:chgData name="Jonas Bratseth" userId="7880613d-1198-4bca-afa6-2725a9958330" providerId="ADAL" clId="{FF08786F-35DD-4FA5-91F3-FF8315EFC03A}" dt="2021-04-13T06:06:31.978" v="788" actId="478"/>
            <ac:picMkLst>
              <pc:docMk/>
              <pc:sldMasterMk cId="2243831206" sldId="2147483767"/>
              <pc:sldLayoutMk cId="3224551424" sldId="2147483771"/>
              <ac:picMk id="31" creationId="{655D799E-E9E5-46D2-A4A8-C2991ED7CD80}"/>
            </ac:picMkLst>
          </pc:picChg>
        </pc:sldLayoutChg>
        <pc:sldLayoutChg chg="modSp">
          <pc:chgData name="Jonas Bratseth" userId="7880613d-1198-4bca-afa6-2725a9958330" providerId="ADAL" clId="{FF08786F-35DD-4FA5-91F3-FF8315EFC03A}" dt="2021-04-13T06:08:12.495" v="798" actId="207"/>
          <pc:sldLayoutMkLst>
            <pc:docMk/>
            <pc:sldMasterMk cId="2243831206" sldId="2147483767"/>
            <pc:sldLayoutMk cId="545532331" sldId="2147483773"/>
          </pc:sldLayoutMkLst>
          <pc:spChg chg="mod">
            <ac:chgData name="Jonas Bratseth" userId="7880613d-1198-4bca-afa6-2725a9958330" providerId="ADAL" clId="{FF08786F-35DD-4FA5-91F3-FF8315EFC03A}" dt="2021-04-13T06:08:12.495" v="798" actId="207"/>
            <ac:spMkLst>
              <pc:docMk/>
              <pc:sldMasterMk cId="2243831206" sldId="2147483767"/>
              <pc:sldLayoutMk cId="545532331" sldId="2147483773"/>
              <ac:spMk id="11" creationId="{5C7DF1C5-A62B-48F2-8482-9AFA5987E96B}"/>
            </ac:spMkLst>
          </pc:spChg>
        </pc:sldLayoutChg>
        <pc:sldLayoutChg chg="modSp">
          <pc:chgData name="Jonas Bratseth" userId="7880613d-1198-4bca-afa6-2725a9958330" providerId="ADAL" clId="{FF08786F-35DD-4FA5-91F3-FF8315EFC03A}" dt="2021-04-13T06:08:10.064" v="797" actId="207"/>
          <pc:sldLayoutMkLst>
            <pc:docMk/>
            <pc:sldMasterMk cId="2243831206" sldId="2147483767"/>
            <pc:sldLayoutMk cId="1384918506" sldId="2147483774"/>
          </pc:sldLayoutMkLst>
          <pc:spChg chg="mod">
            <ac:chgData name="Jonas Bratseth" userId="7880613d-1198-4bca-afa6-2725a9958330" providerId="ADAL" clId="{FF08786F-35DD-4FA5-91F3-FF8315EFC03A}" dt="2021-04-13T06:08:10.064" v="797" actId="207"/>
            <ac:spMkLst>
              <pc:docMk/>
              <pc:sldMasterMk cId="2243831206" sldId="2147483767"/>
              <pc:sldLayoutMk cId="1384918506" sldId="2147483774"/>
              <ac:spMk id="8" creationId="{55B705F1-BD8F-4927-980D-9E3C23775A55}"/>
            </ac:spMkLst>
          </pc:spChg>
        </pc:sldLayoutChg>
        <pc:sldLayoutChg chg="modSp">
          <pc:chgData name="Jonas Bratseth" userId="7880613d-1198-4bca-afa6-2725a9958330" providerId="ADAL" clId="{FF08786F-35DD-4FA5-91F3-FF8315EFC03A}" dt="2021-04-13T06:08:07.650" v="796" actId="207"/>
          <pc:sldLayoutMkLst>
            <pc:docMk/>
            <pc:sldMasterMk cId="2243831206" sldId="2147483767"/>
            <pc:sldLayoutMk cId="295710683" sldId="2147483775"/>
          </pc:sldLayoutMkLst>
          <pc:spChg chg="mod">
            <ac:chgData name="Jonas Bratseth" userId="7880613d-1198-4bca-afa6-2725a9958330" providerId="ADAL" clId="{FF08786F-35DD-4FA5-91F3-FF8315EFC03A}" dt="2021-04-13T06:08:03.910" v="795" actId="207"/>
            <ac:spMkLst>
              <pc:docMk/>
              <pc:sldMasterMk cId="2243831206" sldId="2147483767"/>
              <pc:sldLayoutMk cId="295710683" sldId="2147483775"/>
              <ac:spMk id="6" creationId="{39C633A9-1FFF-4537-8715-2AC956C6BE80}"/>
            </ac:spMkLst>
          </pc:spChg>
          <pc:spChg chg="mod">
            <ac:chgData name="Jonas Bratseth" userId="7880613d-1198-4bca-afa6-2725a9958330" providerId="ADAL" clId="{FF08786F-35DD-4FA5-91F3-FF8315EFC03A}" dt="2021-04-13T06:08:07.650" v="796" actId="207"/>
            <ac:spMkLst>
              <pc:docMk/>
              <pc:sldMasterMk cId="2243831206" sldId="2147483767"/>
              <pc:sldLayoutMk cId="295710683" sldId="2147483775"/>
              <ac:spMk id="11" creationId="{0E0D9193-69AD-43FB-9918-A2B29145892B}"/>
            </ac:spMkLst>
          </pc:spChg>
          <pc:spChg chg="mod">
            <ac:chgData name="Jonas Bratseth" userId="7880613d-1198-4bca-afa6-2725a9958330" providerId="ADAL" clId="{FF08786F-35DD-4FA5-91F3-FF8315EFC03A}" dt="2021-04-13T06:08:03.910" v="795" actId="207"/>
            <ac:spMkLst>
              <pc:docMk/>
              <pc:sldMasterMk cId="2243831206" sldId="2147483767"/>
              <pc:sldLayoutMk cId="295710683" sldId="2147483775"/>
              <ac:spMk id="13" creationId="{7C40E28E-F22B-4290-AC19-015D2EF8E6B5}"/>
            </ac:spMkLst>
          </pc:spChg>
        </pc:sldLayoutChg>
        <pc:sldLayoutChg chg="modSp">
          <pc:chgData name="Jonas Bratseth" userId="7880613d-1198-4bca-afa6-2725a9958330" providerId="ADAL" clId="{FF08786F-35DD-4FA5-91F3-FF8315EFC03A}" dt="2021-04-13T06:08:58.223" v="804" actId="207"/>
          <pc:sldLayoutMkLst>
            <pc:docMk/>
            <pc:sldMasterMk cId="2243831206" sldId="2147483767"/>
            <pc:sldLayoutMk cId="2436821319" sldId="2147483776"/>
          </pc:sldLayoutMkLst>
          <pc:spChg chg="mod">
            <ac:chgData name="Jonas Bratseth" userId="7880613d-1198-4bca-afa6-2725a9958330" providerId="ADAL" clId="{FF08786F-35DD-4FA5-91F3-FF8315EFC03A}" dt="2021-04-13T06:08:47.253" v="801" actId="207"/>
            <ac:spMkLst>
              <pc:docMk/>
              <pc:sldMasterMk cId="2243831206" sldId="2147483767"/>
              <pc:sldLayoutMk cId="2436821319" sldId="2147483776"/>
              <ac:spMk id="6" creationId="{39C633A9-1FFF-4537-8715-2AC956C6BE80}"/>
            </ac:spMkLst>
          </pc:spChg>
          <pc:spChg chg="mod">
            <ac:chgData name="Jonas Bratseth" userId="7880613d-1198-4bca-afa6-2725a9958330" providerId="ADAL" clId="{FF08786F-35DD-4FA5-91F3-FF8315EFC03A}" dt="2021-04-13T06:08:47.253" v="801" actId="207"/>
            <ac:spMkLst>
              <pc:docMk/>
              <pc:sldMasterMk cId="2243831206" sldId="2147483767"/>
              <pc:sldLayoutMk cId="2436821319" sldId="2147483776"/>
              <ac:spMk id="10" creationId="{BB489D15-1D3B-475B-804D-55D1F4B566B7}"/>
            </ac:spMkLst>
          </pc:spChg>
          <pc:spChg chg="mod">
            <ac:chgData name="Jonas Bratseth" userId="7880613d-1198-4bca-afa6-2725a9958330" providerId="ADAL" clId="{FF08786F-35DD-4FA5-91F3-FF8315EFC03A}" dt="2021-04-13T06:08:47.253" v="801" actId="207"/>
            <ac:spMkLst>
              <pc:docMk/>
              <pc:sldMasterMk cId="2243831206" sldId="2147483767"/>
              <pc:sldLayoutMk cId="2436821319" sldId="2147483776"/>
              <ac:spMk id="13" creationId="{7C40E28E-F22B-4290-AC19-015D2EF8E6B5}"/>
            </ac:spMkLst>
          </pc:spChg>
          <pc:spChg chg="mod">
            <ac:chgData name="Jonas Bratseth" userId="7880613d-1198-4bca-afa6-2725a9958330" providerId="ADAL" clId="{FF08786F-35DD-4FA5-91F3-FF8315EFC03A}" dt="2021-04-13T06:08:58.223" v="804" actId="207"/>
            <ac:spMkLst>
              <pc:docMk/>
              <pc:sldMasterMk cId="2243831206" sldId="2147483767"/>
              <pc:sldLayoutMk cId="2436821319" sldId="2147483776"/>
              <ac:spMk id="15" creationId="{C4B1CCD6-DE24-4885-B377-F22C82601BEA}"/>
            </ac:spMkLst>
          </pc:spChg>
        </pc:sldLayoutChg>
        <pc:sldLayoutChg chg="modSp">
          <pc:chgData name="Jonas Bratseth" userId="7880613d-1198-4bca-afa6-2725a9958330" providerId="ADAL" clId="{FF08786F-35DD-4FA5-91F3-FF8315EFC03A}" dt="2021-04-13T06:09:01.295" v="805" actId="207"/>
          <pc:sldLayoutMkLst>
            <pc:docMk/>
            <pc:sldMasterMk cId="2243831206" sldId="2147483767"/>
            <pc:sldLayoutMk cId="1299304862" sldId="2147483777"/>
          </pc:sldLayoutMkLst>
          <pc:spChg chg="mod">
            <ac:chgData name="Jonas Bratseth" userId="7880613d-1198-4bca-afa6-2725a9958330" providerId="ADAL" clId="{FF08786F-35DD-4FA5-91F3-FF8315EFC03A}" dt="2021-04-13T06:08:51.085" v="802" actId="207"/>
            <ac:spMkLst>
              <pc:docMk/>
              <pc:sldMasterMk cId="2243831206" sldId="2147483767"/>
              <pc:sldLayoutMk cId="1299304862" sldId="2147483777"/>
              <ac:spMk id="6" creationId="{39C633A9-1FFF-4537-8715-2AC956C6BE80}"/>
            </ac:spMkLst>
          </pc:spChg>
          <pc:spChg chg="mod">
            <ac:chgData name="Jonas Bratseth" userId="7880613d-1198-4bca-afa6-2725a9958330" providerId="ADAL" clId="{FF08786F-35DD-4FA5-91F3-FF8315EFC03A}" dt="2021-04-13T06:08:51.085" v="802" actId="207"/>
            <ac:spMkLst>
              <pc:docMk/>
              <pc:sldMasterMk cId="2243831206" sldId="2147483767"/>
              <pc:sldLayoutMk cId="1299304862" sldId="2147483777"/>
              <ac:spMk id="10" creationId="{BB489D15-1D3B-475B-804D-55D1F4B566B7}"/>
            </ac:spMkLst>
          </pc:spChg>
          <pc:spChg chg="mod">
            <ac:chgData name="Jonas Bratseth" userId="7880613d-1198-4bca-afa6-2725a9958330" providerId="ADAL" clId="{FF08786F-35DD-4FA5-91F3-FF8315EFC03A}" dt="2021-04-13T06:08:51.085" v="802" actId="207"/>
            <ac:spMkLst>
              <pc:docMk/>
              <pc:sldMasterMk cId="2243831206" sldId="2147483767"/>
              <pc:sldLayoutMk cId="1299304862" sldId="2147483777"/>
              <ac:spMk id="13" creationId="{7C40E28E-F22B-4290-AC19-015D2EF8E6B5}"/>
            </ac:spMkLst>
          </pc:spChg>
          <pc:spChg chg="mod">
            <ac:chgData name="Jonas Bratseth" userId="7880613d-1198-4bca-afa6-2725a9958330" providerId="ADAL" clId="{FF08786F-35DD-4FA5-91F3-FF8315EFC03A}" dt="2021-04-13T06:08:51.085" v="802" actId="207"/>
            <ac:spMkLst>
              <pc:docMk/>
              <pc:sldMasterMk cId="2243831206" sldId="2147483767"/>
              <pc:sldLayoutMk cId="1299304862" sldId="2147483777"/>
              <ac:spMk id="16" creationId="{C3EFE82E-AFA9-4392-A98D-D7E91F50D3AD}"/>
            </ac:spMkLst>
          </pc:spChg>
          <pc:spChg chg="mod">
            <ac:chgData name="Jonas Bratseth" userId="7880613d-1198-4bca-afa6-2725a9958330" providerId="ADAL" clId="{FF08786F-35DD-4FA5-91F3-FF8315EFC03A}" dt="2021-04-13T06:09:01.295" v="805" actId="207"/>
            <ac:spMkLst>
              <pc:docMk/>
              <pc:sldMasterMk cId="2243831206" sldId="2147483767"/>
              <pc:sldLayoutMk cId="1299304862" sldId="2147483777"/>
              <ac:spMk id="19" creationId="{BC6E86D0-4AE7-46BC-A435-E79A60A5FA38}"/>
            </ac:spMkLst>
          </pc:spChg>
        </pc:sldLayoutChg>
        <pc:sldLayoutChg chg="modSp">
          <pc:chgData name="Jonas Bratseth" userId="7880613d-1198-4bca-afa6-2725a9958330" providerId="ADAL" clId="{FF08786F-35DD-4FA5-91F3-FF8315EFC03A}" dt="2021-04-13T06:09:03.624" v="806" actId="207"/>
          <pc:sldLayoutMkLst>
            <pc:docMk/>
            <pc:sldMasterMk cId="2243831206" sldId="2147483767"/>
            <pc:sldLayoutMk cId="3218888475" sldId="2147483778"/>
          </pc:sldLayoutMkLst>
          <pc:spChg chg="mod">
            <ac:chgData name="Jonas Bratseth" userId="7880613d-1198-4bca-afa6-2725a9958330" providerId="ADAL" clId="{FF08786F-35DD-4FA5-91F3-FF8315EFC03A}" dt="2021-04-13T06:08:54.765" v="803" actId="207"/>
            <ac:spMkLst>
              <pc:docMk/>
              <pc:sldMasterMk cId="2243831206" sldId="2147483767"/>
              <pc:sldLayoutMk cId="3218888475" sldId="2147483778"/>
              <ac:spMk id="6" creationId="{39C633A9-1FFF-4537-8715-2AC956C6BE80}"/>
            </ac:spMkLst>
          </pc:spChg>
          <pc:spChg chg="mod">
            <ac:chgData name="Jonas Bratseth" userId="7880613d-1198-4bca-afa6-2725a9958330" providerId="ADAL" clId="{FF08786F-35DD-4FA5-91F3-FF8315EFC03A}" dt="2021-04-13T06:08:54.765" v="803" actId="207"/>
            <ac:spMkLst>
              <pc:docMk/>
              <pc:sldMasterMk cId="2243831206" sldId="2147483767"/>
              <pc:sldLayoutMk cId="3218888475" sldId="2147483778"/>
              <ac:spMk id="10" creationId="{BB489D15-1D3B-475B-804D-55D1F4B566B7}"/>
            </ac:spMkLst>
          </pc:spChg>
          <pc:spChg chg="mod">
            <ac:chgData name="Jonas Bratseth" userId="7880613d-1198-4bca-afa6-2725a9958330" providerId="ADAL" clId="{FF08786F-35DD-4FA5-91F3-FF8315EFC03A}" dt="2021-04-13T06:08:54.765" v="803" actId="207"/>
            <ac:spMkLst>
              <pc:docMk/>
              <pc:sldMasterMk cId="2243831206" sldId="2147483767"/>
              <pc:sldLayoutMk cId="3218888475" sldId="2147483778"/>
              <ac:spMk id="13" creationId="{7C40E28E-F22B-4290-AC19-015D2EF8E6B5}"/>
            </ac:spMkLst>
          </pc:spChg>
          <pc:spChg chg="mod">
            <ac:chgData name="Jonas Bratseth" userId="7880613d-1198-4bca-afa6-2725a9958330" providerId="ADAL" clId="{FF08786F-35DD-4FA5-91F3-FF8315EFC03A}" dt="2021-04-13T06:08:54.765" v="803" actId="207"/>
            <ac:spMkLst>
              <pc:docMk/>
              <pc:sldMasterMk cId="2243831206" sldId="2147483767"/>
              <pc:sldLayoutMk cId="3218888475" sldId="2147483778"/>
              <ac:spMk id="14" creationId="{07F6985F-0D21-4B64-A375-95792C7EBAE9}"/>
            </ac:spMkLst>
          </pc:spChg>
          <pc:spChg chg="mod">
            <ac:chgData name="Jonas Bratseth" userId="7880613d-1198-4bca-afa6-2725a9958330" providerId="ADAL" clId="{FF08786F-35DD-4FA5-91F3-FF8315EFC03A}" dt="2021-04-13T06:08:54.765" v="803" actId="207"/>
            <ac:spMkLst>
              <pc:docMk/>
              <pc:sldMasterMk cId="2243831206" sldId="2147483767"/>
              <pc:sldLayoutMk cId="3218888475" sldId="2147483778"/>
              <ac:spMk id="16" creationId="{C3EFE82E-AFA9-4392-A98D-D7E91F50D3AD}"/>
            </ac:spMkLst>
          </pc:spChg>
          <pc:spChg chg="mod">
            <ac:chgData name="Jonas Bratseth" userId="7880613d-1198-4bca-afa6-2725a9958330" providerId="ADAL" clId="{FF08786F-35DD-4FA5-91F3-FF8315EFC03A}" dt="2021-04-13T06:09:03.624" v="806" actId="207"/>
            <ac:spMkLst>
              <pc:docMk/>
              <pc:sldMasterMk cId="2243831206" sldId="2147483767"/>
              <pc:sldLayoutMk cId="3218888475" sldId="2147483778"/>
              <ac:spMk id="22" creationId="{2B10A327-405D-42CA-9F67-2AF8ABA2131E}"/>
            </ac:spMkLst>
          </pc:spChg>
        </pc:sldLayoutChg>
        <pc:sldLayoutChg chg="modSp">
          <pc:chgData name="Jonas Bratseth" userId="7880613d-1198-4bca-afa6-2725a9958330" providerId="ADAL" clId="{FF08786F-35DD-4FA5-91F3-FF8315EFC03A}" dt="2021-04-13T06:09:06.375" v="807" actId="207"/>
          <pc:sldLayoutMkLst>
            <pc:docMk/>
            <pc:sldMasterMk cId="2243831206" sldId="2147483767"/>
            <pc:sldLayoutMk cId="618209023" sldId="2147483779"/>
          </pc:sldLayoutMkLst>
          <pc:spChg chg="mod">
            <ac:chgData name="Jonas Bratseth" userId="7880613d-1198-4bca-afa6-2725a9958330" providerId="ADAL" clId="{FF08786F-35DD-4FA5-91F3-FF8315EFC03A}" dt="2021-04-13T06:09:06.375" v="807" actId="207"/>
            <ac:spMkLst>
              <pc:docMk/>
              <pc:sldMasterMk cId="2243831206" sldId="2147483767"/>
              <pc:sldLayoutMk cId="618209023" sldId="2147483779"/>
              <ac:spMk id="14" creationId="{1E09ED89-26A1-4FE1-A40F-EB42F632CDBD}"/>
            </ac:spMkLst>
          </pc:spChg>
        </pc:sldLayoutChg>
        <pc:sldLayoutChg chg="modSp mod">
          <pc:chgData name="Jonas Bratseth" userId="7880613d-1198-4bca-afa6-2725a9958330" providerId="ADAL" clId="{FF08786F-35DD-4FA5-91F3-FF8315EFC03A}" dt="2021-04-20T07:42:35.079" v="1003" actId="207"/>
          <pc:sldLayoutMkLst>
            <pc:docMk/>
            <pc:sldMasterMk cId="2243831206" sldId="2147483767"/>
            <pc:sldLayoutMk cId="16410499" sldId="2147483780"/>
          </pc:sldLayoutMkLst>
          <pc:spChg chg="mod">
            <ac:chgData name="Jonas Bratseth" userId="7880613d-1198-4bca-afa6-2725a9958330" providerId="ADAL" clId="{FF08786F-35DD-4FA5-91F3-FF8315EFC03A}" dt="2021-04-20T07:42:35.079" v="1003" actId="207"/>
            <ac:spMkLst>
              <pc:docMk/>
              <pc:sldMasterMk cId="2243831206" sldId="2147483767"/>
              <pc:sldLayoutMk cId="16410499" sldId="2147483780"/>
              <ac:spMk id="8" creationId="{B2115B63-85A5-424E-8342-6645D629D5D7}"/>
            </ac:spMkLst>
          </pc:spChg>
          <pc:spChg chg="mod">
            <ac:chgData name="Jonas Bratseth" userId="7880613d-1198-4bca-afa6-2725a9958330" providerId="ADAL" clId="{FF08786F-35DD-4FA5-91F3-FF8315EFC03A}" dt="2021-04-20T07:42:27.070" v="1002" actId="207"/>
            <ac:spMkLst>
              <pc:docMk/>
              <pc:sldMasterMk cId="2243831206" sldId="2147483767"/>
              <pc:sldLayoutMk cId="16410499" sldId="2147483780"/>
              <ac:spMk id="16" creationId="{C3EFE82E-AFA9-4392-A98D-D7E91F50D3AD}"/>
            </ac:spMkLst>
          </pc:spChg>
          <pc:spChg chg="mod">
            <ac:chgData name="Jonas Bratseth" userId="7880613d-1198-4bca-afa6-2725a9958330" providerId="ADAL" clId="{FF08786F-35DD-4FA5-91F3-FF8315EFC03A}" dt="2021-04-20T07:42:35.079" v="1003" actId="207"/>
            <ac:spMkLst>
              <pc:docMk/>
              <pc:sldMasterMk cId="2243831206" sldId="2147483767"/>
              <pc:sldLayoutMk cId="16410499" sldId="2147483780"/>
              <ac:spMk id="20" creationId="{CE0B8209-0B57-480E-BC05-65AB6422230C}"/>
            </ac:spMkLst>
          </pc:spChg>
          <pc:spChg chg="mod">
            <ac:chgData name="Jonas Bratseth" userId="7880613d-1198-4bca-afa6-2725a9958330" providerId="ADAL" clId="{FF08786F-35DD-4FA5-91F3-FF8315EFC03A}" dt="2021-04-20T07:42:27.070" v="1002" actId="207"/>
            <ac:spMkLst>
              <pc:docMk/>
              <pc:sldMasterMk cId="2243831206" sldId="2147483767"/>
              <pc:sldLayoutMk cId="16410499" sldId="2147483780"/>
              <ac:spMk id="21" creationId="{D82263EF-894B-494B-8677-D0C16378F258}"/>
            </ac:spMkLst>
          </pc:spChg>
          <pc:spChg chg="mod">
            <ac:chgData name="Jonas Bratseth" userId="7880613d-1198-4bca-afa6-2725a9958330" providerId="ADAL" clId="{FF08786F-35DD-4FA5-91F3-FF8315EFC03A}" dt="2021-04-13T06:09:09.764" v="808" actId="207"/>
            <ac:spMkLst>
              <pc:docMk/>
              <pc:sldMasterMk cId="2243831206" sldId="2147483767"/>
              <pc:sldLayoutMk cId="16410499" sldId="2147483780"/>
              <ac:spMk id="22" creationId="{15589A20-B34D-47F9-883F-6C734E90FE4E}"/>
            </ac:spMkLst>
          </pc:spChg>
          <pc:spChg chg="mod">
            <ac:chgData name="Jonas Bratseth" userId="7880613d-1198-4bca-afa6-2725a9958330" providerId="ADAL" clId="{FF08786F-35DD-4FA5-91F3-FF8315EFC03A}" dt="2021-04-20T07:42:35.079" v="1003" actId="207"/>
            <ac:spMkLst>
              <pc:docMk/>
              <pc:sldMasterMk cId="2243831206" sldId="2147483767"/>
              <pc:sldLayoutMk cId="16410499" sldId="2147483780"/>
              <ac:spMk id="23" creationId="{2E022E5D-734A-4E35-AC58-D0A331D35696}"/>
            </ac:spMkLst>
          </pc:spChg>
          <pc:spChg chg="mod">
            <ac:chgData name="Jonas Bratseth" userId="7880613d-1198-4bca-afa6-2725a9958330" providerId="ADAL" clId="{FF08786F-35DD-4FA5-91F3-FF8315EFC03A}" dt="2021-04-20T07:42:27.070" v="1002" actId="207"/>
            <ac:spMkLst>
              <pc:docMk/>
              <pc:sldMasterMk cId="2243831206" sldId="2147483767"/>
              <pc:sldLayoutMk cId="16410499" sldId="2147483780"/>
              <ac:spMk id="24" creationId="{7A1A1348-3E0D-44A2-ABE6-CB122F41E15A}"/>
            </ac:spMkLst>
          </pc:spChg>
          <pc:spChg chg="mod">
            <ac:chgData name="Jonas Bratseth" userId="7880613d-1198-4bca-afa6-2725a9958330" providerId="ADAL" clId="{FF08786F-35DD-4FA5-91F3-FF8315EFC03A}" dt="2021-04-20T07:42:35.079" v="1003" actId="207"/>
            <ac:spMkLst>
              <pc:docMk/>
              <pc:sldMasterMk cId="2243831206" sldId="2147483767"/>
              <pc:sldLayoutMk cId="16410499" sldId="2147483780"/>
              <ac:spMk id="26" creationId="{825859A8-6BC3-464B-BAC4-75EA404385C4}"/>
            </ac:spMkLst>
          </pc:spChg>
          <pc:spChg chg="mod">
            <ac:chgData name="Jonas Bratseth" userId="7880613d-1198-4bca-afa6-2725a9958330" providerId="ADAL" clId="{FF08786F-35DD-4FA5-91F3-FF8315EFC03A}" dt="2021-04-20T07:42:27.070" v="1002" actId="207"/>
            <ac:spMkLst>
              <pc:docMk/>
              <pc:sldMasterMk cId="2243831206" sldId="2147483767"/>
              <pc:sldLayoutMk cId="16410499" sldId="2147483780"/>
              <ac:spMk id="27" creationId="{3BB3FD65-5F30-4FDE-B70E-D59A74BE6817}"/>
            </ac:spMkLst>
          </pc:spChg>
        </pc:sldLayoutChg>
        <pc:sldLayoutChg chg="modSp mod">
          <pc:chgData name="Jonas Bratseth" userId="7880613d-1198-4bca-afa6-2725a9958330" providerId="ADAL" clId="{FF08786F-35DD-4FA5-91F3-FF8315EFC03A}" dt="2021-04-20T07:42:13.241" v="1001" actId="207"/>
          <pc:sldLayoutMkLst>
            <pc:docMk/>
            <pc:sldMasterMk cId="2243831206" sldId="2147483767"/>
            <pc:sldLayoutMk cId="3329663524" sldId="2147483781"/>
          </pc:sldLayoutMkLst>
          <pc:spChg chg="mod">
            <ac:chgData name="Jonas Bratseth" userId="7880613d-1198-4bca-afa6-2725a9958330" providerId="ADAL" clId="{FF08786F-35DD-4FA5-91F3-FF8315EFC03A}" dt="2021-04-14T06:18:54.177" v="828" actId="207"/>
            <ac:spMkLst>
              <pc:docMk/>
              <pc:sldMasterMk cId="2243831206" sldId="2147483767"/>
              <pc:sldLayoutMk cId="3329663524" sldId="2147483781"/>
              <ac:spMk id="6" creationId="{2B1AC3E8-DC3F-4CE5-B272-5921EFCB66D6}"/>
            </ac:spMkLst>
          </pc:spChg>
          <pc:spChg chg="mod">
            <ac:chgData name="Jonas Bratseth" userId="7880613d-1198-4bca-afa6-2725a9958330" providerId="ADAL" clId="{FF08786F-35DD-4FA5-91F3-FF8315EFC03A}" dt="2021-04-20T07:42:13.241" v="1001" actId="207"/>
            <ac:spMkLst>
              <pc:docMk/>
              <pc:sldMasterMk cId="2243831206" sldId="2147483767"/>
              <pc:sldLayoutMk cId="3329663524" sldId="2147483781"/>
              <ac:spMk id="8" creationId="{B2115B63-85A5-424E-8342-6645D629D5D7}"/>
            </ac:spMkLst>
          </pc:spChg>
          <pc:spChg chg="mod">
            <ac:chgData name="Jonas Bratseth" userId="7880613d-1198-4bca-afa6-2725a9958330" providerId="ADAL" clId="{FF08786F-35DD-4FA5-91F3-FF8315EFC03A}" dt="2021-04-14T06:18:48.792" v="827" actId="207"/>
            <ac:spMkLst>
              <pc:docMk/>
              <pc:sldMasterMk cId="2243831206" sldId="2147483767"/>
              <pc:sldLayoutMk cId="3329663524" sldId="2147483781"/>
              <ac:spMk id="16" creationId="{C3EFE82E-AFA9-4392-A98D-D7E91F50D3AD}"/>
            </ac:spMkLst>
          </pc:spChg>
          <pc:spChg chg="mod">
            <ac:chgData name="Jonas Bratseth" userId="7880613d-1198-4bca-afa6-2725a9958330" providerId="ADAL" clId="{FF08786F-35DD-4FA5-91F3-FF8315EFC03A}" dt="2021-04-13T06:09:56.718" v="815" actId="207"/>
            <ac:spMkLst>
              <pc:docMk/>
              <pc:sldMasterMk cId="2243831206" sldId="2147483767"/>
              <pc:sldLayoutMk cId="3329663524" sldId="2147483781"/>
              <ac:spMk id="19" creationId="{61A31FA8-45E7-4F21-920C-1CD45F20D7EB}"/>
            </ac:spMkLst>
          </pc:spChg>
          <pc:spChg chg="mod">
            <ac:chgData name="Jonas Bratseth" userId="7880613d-1198-4bca-afa6-2725a9958330" providerId="ADAL" clId="{FF08786F-35DD-4FA5-91F3-FF8315EFC03A}" dt="2021-04-20T07:42:13.241" v="1001" actId="207"/>
            <ac:spMkLst>
              <pc:docMk/>
              <pc:sldMasterMk cId="2243831206" sldId="2147483767"/>
              <pc:sldLayoutMk cId="3329663524" sldId="2147483781"/>
              <ac:spMk id="33" creationId="{E07438C8-A866-46E1-83D8-57B8568CBD53}"/>
            </ac:spMkLst>
          </pc:spChg>
          <pc:spChg chg="mod">
            <ac:chgData name="Jonas Bratseth" userId="7880613d-1198-4bca-afa6-2725a9958330" providerId="ADAL" clId="{FF08786F-35DD-4FA5-91F3-FF8315EFC03A}" dt="2021-04-14T06:18:48.792" v="827" actId="207"/>
            <ac:spMkLst>
              <pc:docMk/>
              <pc:sldMasterMk cId="2243831206" sldId="2147483767"/>
              <pc:sldLayoutMk cId="3329663524" sldId="2147483781"/>
              <ac:spMk id="35" creationId="{67B5BB42-EBC1-4D9B-957E-57865842A511}"/>
            </ac:spMkLst>
          </pc:spChg>
          <pc:spChg chg="mod">
            <ac:chgData name="Jonas Bratseth" userId="7880613d-1198-4bca-afa6-2725a9958330" providerId="ADAL" clId="{FF08786F-35DD-4FA5-91F3-FF8315EFC03A}" dt="2021-04-14T06:18:54.177" v="828" actId="207"/>
            <ac:spMkLst>
              <pc:docMk/>
              <pc:sldMasterMk cId="2243831206" sldId="2147483767"/>
              <pc:sldLayoutMk cId="3329663524" sldId="2147483781"/>
              <ac:spMk id="39" creationId="{0F10CBC3-6807-4D3C-8B23-0028D9CF8608}"/>
            </ac:spMkLst>
          </pc:spChg>
          <pc:spChg chg="mod">
            <ac:chgData name="Jonas Bratseth" userId="7880613d-1198-4bca-afa6-2725a9958330" providerId="ADAL" clId="{FF08786F-35DD-4FA5-91F3-FF8315EFC03A}" dt="2021-04-20T07:42:13.241" v="1001" actId="207"/>
            <ac:spMkLst>
              <pc:docMk/>
              <pc:sldMasterMk cId="2243831206" sldId="2147483767"/>
              <pc:sldLayoutMk cId="3329663524" sldId="2147483781"/>
              <ac:spMk id="45" creationId="{2FA69E3C-7E3D-45A8-92CC-0988924A2E86}"/>
            </ac:spMkLst>
          </pc:spChg>
          <pc:spChg chg="mod">
            <ac:chgData name="Jonas Bratseth" userId="7880613d-1198-4bca-afa6-2725a9958330" providerId="ADAL" clId="{FF08786F-35DD-4FA5-91F3-FF8315EFC03A}" dt="2021-04-14T06:18:48.792" v="827" actId="207"/>
            <ac:spMkLst>
              <pc:docMk/>
              <pc:sldMasterMk cId="2243831206" sldId="2147483767"/>
              <pc:sldLayoutMk cId="3329663524" sldId="2147483781"/>
              <ac:spMk id="47" creationId="{DACA3139-8734-4F03-B7AE-06497028D8C4}"/>
            </ac:spMkLst>
          </pc:spChg>
          <pc:spChg chg="mod">
            <ac:chgData name="Jonas Bratseth" userId="7880613d-1198-4bca-afa6-2725a9958330" providerId="ADAL" clId="{FF08786F-35DD-4FA5-91F3-FF8315EFC03A}" dt="2021-04-14T06:18:54.177" v="828" actId="207"/>
            <ac:spMkLst>
              <pc:docMk/>
              <pc:sldMasterMk cId="2243831206" sldId="2147483767"/>
              <pc:sldLayoutMk cId="3329663524" sldId="2147483781"/>
              <ac:spMk id="48" creationId="{B501B0E5-0DFC-4286-9E8B-15E393E37480}"/>
            </ac:spMkLst>
          </pc:spChg>
          <pc:spChg chg="mod">
            <ac:chgData name="Jonas Bratseth" userId="7880613d-1198-4bca-afa6-2725a9958330" providerId="ADAL" clId="{FF08786F-35DD-4FA5-91F3-FF8315EFC03A}" dt="2021-04-20T07:42:13.241" v="1001" actId="207"/>
            <ac:spMkLst>
              <pc:docMk/>
              <pc:sldMasterMk cId="2243831206" sldId="2147483767"/>
              <pc:sldLayoutMk cId="3329663524" sldId="2147483781"/>
              <ac:spMk id="50" creationId="{A5A52AAA-CB54-4150-A3ED-F5BB9358E630}"/>
            </ac:spMkLst>
          </pc:spChg>
          <pc:spChg chg="mod">
            <ac:chgData name="Jonas Bratseth" userId="7880613d-1198-4bca-afa6-2725a9958330" providerId="ADAL" clId="{FF08786F-35DD-4FA5-91F3-FF8315EFC03A}" dt="2021-04-14T06:18:48.792" v="827" actId="207"/>
            <ac:spMkLst>
              <pc:docMk/>
              <pc:sldMasterMk cId="2243831206" sldId="2147483767"/>
              <pc:sldLayoutMk cId="3329663524" sldId="2147483781"/>
              <ac:spMk id="51" creationId="{9B87CD94-7A09-4FBF-8581-99B20B7C8576}"/>
            </ac:spMkLst>
          </pc:spChg>
          <pc:spChg chg="mod">
            <ac:chgData name="Jonas Bratseth" userId="7880613d-1198-4bca-afa6-2725a9958330" providerId="ADAL" clId="{FF08786F-35DD-4FA5-91F3-FF8315EFC03A}" dt="2021-04-14T06:18:54.177" v="828" actId="207"/>
            <ac:spMkLst>
              <pc:docMk/>
              <pc:sldMasterMk cId="2243831206" sldId="2147483767"/>
              <pc:sldLayoutMk cId="3329663524" sldId="2147483781"/>
              <ac:spMk id="52" creationId="{2B934ECD-A752-45ED-BD72-370981CDAA93}"/>
            </ac:spMkLst>
          </pc:spChg>
        </pc:sldLayoutChg>
        <pc:sldLayoutChg chg="modSp mod">
          <pc:chgData name="Jonas Bratseth" userId="7880613d-1198-4bca-afa6-2725a9958330" providerId="ADAL" clId="{FF08786F-35DD-4FA5-91F3-FF8315EFC03A}" dt="2021-04-20T07:41:59.507" v="1000" actId="207"/>
          <pc:sldLayoutMkLst>
            <pc:docMk/>
            <pc:sldMasterMk cId="2243831206" sldId="2147483767"/>
            <pc:sldLayoutMk cId="1122571243" sldId="2147483782"/>
          </pc:sldLayoutMkLst>
          <pc:spChg chg="mod">
            <ac:chgData name="Jonas Bratseth" userId="7880613d-1198-4bca-afa6-2725a9958330" providerId="ADAL" clId="{FF08786F-35DD-4FA5-91F3-FF8315EFC03A}" dt="2021-04-20T07:41:59.507" v="1000" actId="207"/>
            <ac:spMkLst>
              <pc:docMk/>
              <pc:sldMasterMk cId="2243831206" sldId="2147483767"/>
              <pc:sldLayoutMk cId="1122571243" sldId="2147483782"/>
              <ac:spMk id="8" creationId="{B2115B63-85A5-424E-8342-6645D629D5D7}"/>
            </ac:spMkLst>
          </pc:spChg>
          <pc:spChg chg="mod">
            <ac:chgData name="Jonas Bratseth" userId="7880613d-1198-4bca-afa6-2725a9958330" providerId="ADAL" clId="{FF08786F-35DD-4FA5-91F3-FF8315EFC03A}" dt="2021-04-14T06:19:05.330" v="829" actId="207"/>
            <ac:spMkLst>
              <pc:docMk/>
              <pc:sldMasterMk cId="2243831206" sldId="2147483767"/>
              <pc:sldLayoutMk cId="1122571243" sldId="2147483782"/>
              <ac:spMk id="16" creationId="{C3EFE82E-AFA9-4392-A98D-D7E91F50D3AD}"/>
            </ac:spMkLst>
          </pc:spChg>
          <pc:spChg chg="mod">
            <ac:chgData name="Jonas Bratseth" userId="7880613d-1198-4bca-afa6-2725a9958330" providerId="ADAL" clId="{FF08786F-35DD-4FA5-91F3-FF8315EFC03A}" dt="2021-04-13T06:09:53.972" v="814" actId="207"/>
            <ac:spMkLst>
              <pc:docMk/>
              <pc:sldMasterMk cId="2243831206" sldId="2147483767"/>
              <pc:sldLayoutMk cId="1122571243" sldId="2147483782"/>
              <ac:spMk id="19" creationId="{61A31FA8-45E7-4F21-920C-1CD45F20D7EB}"/>
            </ac:spMkLst>
          </pc:spChg>
          <pc:spChg chg="mod">
            <ac:chgData name="Jonas Bratseth" userId="7880613d-1198-4bca-afa6-2725a9958330" providerId="ADAL" clId="{FF08786F-35DD-4FA5-91F3-FF8315EFC03A}" dt="2021-04-20T07:41:59.507" v="1000" actId="207"/>
            <ac:spMkLst>
              <pc:docMk/>
              <pc:sldMasterMk cId="2243831206" sldId="2147483767"/>
              <pc:sldLayoutMk cId="1122571243" sldId="2147483782"/>
              <ac:spMk id="33" creationId="{E07438C8-A866-46E1-83D8-57B8568CBD53}"/>
            </ac:spMkLst>
          </pc:spChg>
          <pc:spChg chg="mod">
            <ac:chgData name="Jonas Bratseth" userId="7880613d-1198-4bca-afa6-2725a9958330" providerId="ADAL" clId="{FF08786F-35DD-4FA5-91F3-FF8315EFC03A}" dt="2021-04-14T06:19:05.330" v="829" actId="207"/>
            <ac:spMkLst>
              <pc:docMk/>
              <pc:sldMasterMk cId="2243831206" sldId="2147483767"/>
              <pc:sldLayoutMk cId="1122571243" sldId="2147483782"/>
              <ac:spMk id="35" creationId="{67B5BB42-EBC1-4D9B-957E-57865842A511}"/>
            </ac:spMkLst>
          </pc:spChg>
          <pc:spChg chg="mod">
            <ac:chgData name="Jonas Bratseth" userId="7880613d-1198-4bca-afa6-2725a9958330" providerId="ADAL" clId="{FF08786F-35DD-4FA5-91F3-FF8315EFC03A}" dt="2021-04-20T07:41:59.507" v="1000" actId="207"/>
            <ac:spMkLst>
              <pc:docMk/>
              <pc:sldMasterMk cId="2243831206" sldId="2147483767"/>
              <pc:sldLayoutMk cId="1122571243" sldId="2147483782"/>
              <ac:spMk id="45" creationId="{2FA69E3C-7E3D-45A8-92CC-0988924A2E86}"/>
            </ac:spMkLst>
          </pc:spChg>
          <pc:spChg chg="mod">
            <ac:chgData name="Jonas Bratseth" userId="7880613d-1198-4bca-afa6-2725a9958330" providerId="ADAL" clId="{FF08786F-35DD-4FA5-91F3-FF8315EFC03A}" dt="2021-04-14T06:19:05.330" v="829" actId="207"/>
            <ac:spMkLst>
              <pc:docMk/>
              <pc:sldMasterMk cId="2243831206" sldId="2147483767"/>
              <pc:sldLayoutMk cId="1122571243" sldId="2147483782"/>
              <ac:spMk id="47" creationId="{DACA3139-8734-4F03-B7AE-06497028D8C4}"/>
            </ac:spMkLst>
          </pc:spChg>
          <pc:spChg chg="mod">
            <ac:chgData name="Jonas Bratseth" userId="7880613d-1198-4bca-afa6-2725a9958330" providerId="ADAL" clId="{FF08786F-35DD-4FA5-91F3-FF8315EFC03A}" dt="2021-04-20T07:41:59.507" v="1000" actId="207"/>
            <ac:spMkLst>
              <pc:docMk/>
              <pc:sldMasterMk cId="2243831206" sldId="2147483767"/>
              <pc:sldLayoutMk cId="1122571243" sldId="2147483782"/>
              <ac:spMk id="50" creationId="{A5A52AAA-CB54-4150-A3ED-F5BB9358E630}"/>
            </ac:spMkLst>
          </pc:spChg>
          <pc:spChg chg="mod">
            <ac:chgData name="Jonas Bratseth" userId="7880613d-1198-4bca-afa6-2725a9958330" providerId="ADAL" clId="{FF08786F-35DD-4FA5-91F3-FF8315EFC03A}" dt="2021-04-14T06:19:05.330" v="829" actId="207"/>
            <ac:spMkLst>
              <pc:docMk/>
              <pc:sldMasterMk cId="2243831206" sldId="2147483767"/>
              <pc:sldLayoutMk cId="1122571243" sldId="2147483782"/>
              <ac:spMk id="51" creationId="{9B87CD94-7A09-4FBF-8581-99B20B7C8576}"/>
            </ac:spMkLst>
          </pc:spChg>
        </pc:sldLayoutChg>
        <pc:sldLayoutChg chg="modSp">
          <pc:chgData name="Jonas Bratseth" userId="7880613d-1198-4bca-afa6-2725a9958330" providerId="ADAL" clId="{FF08786F-35DD-4FA5-91F3-FF8315EFC03A}" dt="2021-04-13T06:09:50.834" v="813" actId="207"/>
          <pc:sldLayoutMkLst>
            <pc:docMk/>
            <pc:sldMasterMk cId="2243831206" sldId="2147483767"/>
            <pc:sldLayoutMk cId="1501640898" sldId="2147483783"/>
          </pc:sldLayoutMkLst>
          <pc:spChg chg="mod">
            <ac:chgData name="Jonas Bratseth" userId="7880613d-1198-4bca-afa6-2725a9958330" providerId="ADAL" clId="{FF08786F-35DD-4FA5-91F3-FF8315EFC03A}" dt="2021-04-13T06:09:50.834" v="813" actId="207"/>
            <ac:spMkLst>
              <pc:docMk/>
              <pc:sldMasterMk cId="2243831206" sldId="2147483767"/>
              <pc:sldLayoutMk cId="1501640898" sldId="2147483783"/>
              <ac:spMk id="6" creationId="{9819E40C-11F9-4CC9-A0F5-A28346A4DD61}"/>
            </ac:spMkLst>
          </pc:spChg>
        </pc:sldLayoutChg>
      </pc:sldMasterChg>
    </pc:docChg>
  </pc:docChgLst>
  <pc:docChgLst>
    <pc:chgData name="Vetle Nevland" userId="e8351a88428b982e" providerId="Windows Live" clId="Web-{C025448D-5757-4FA1-98E3-118D8218E144}"/>
    <pc:docChg chg="addSld delSld modSld">
      <pc:chgData name="Vetle Nevland" userId="e8351a88428b982e" providerId="Windows Live" clId="Web-{C025448D-5757-4FA1-98E3-118D8218E144}" dt="2022-07-01T19:33:59.214" v="1467"/>
      <pc:docMkLst>
        <pc:docMk/>
      </pc:docMkLst>
      <pc:sldChg chg="addSp delSp modSp">
        <pc:chgData name="Vetle Nevland" userId="e8351a88428b982e" providerId="Windows Live" clId="Web-{C025448D-5757-4FA1-98E3-118D8218E144}" dt="2022-07-01T19:27:56.468" v="1435"/>
        <pc:sldMkLst>
          <pc:docMk/>
          <pc:sldMk cId="3619548704" sldId="272"/>
        </pc:sldMkLst>
        <pc:spChg chg="mod">
          <ac:chgData name="Vetle Nevland" userId="e8351a88428b982e" providerId="Windows Live" clId="Web-{C025448D-5757-4FA1-98E3-118D8218E144}" dt="2022-07-01T19:27:56.468" v="1435"/>
          <ac:spMkLst>
            <pc:docMk/>
            <pc:sldMk cId="3619548704" sldId="272"/>
            <ac:spMk id="5" creationId="{33084687-7221-0946-B72A-2F8C5E8AA6EB}"/>
          </ac:spMkLst>
        </pc:spChg>
        <pc:spChg chg="mod">
          <ac:chgData name="Vetle Nevland" userId="e8351a88428b982e" providerId="Windows Live" clId="Web-{C025448D-5757-4FA1-98E3-118D8218E144}" dt="2022-07-01T19:27:56.468" v="1435"/>
          <ac:spMkLst>
            <pc:docMk/>
            <pc:sldMk cId="3619548704" sldId="272"/>
            <ac:spMk id="8" creationId="{C3A916A5-A7C2-F8EF-076B-B6AB54753A46}"/>
          </ac:spMkLst>
        </pc:spChg>
        <pc:spChg chg="mod">
          <ac:chgData name="Vetle Nevland" userId="e8351a88428b982e" providerId="Windows Live" clId="Web-{C025448D-5757-4FA1-98E3-118D8218E144}" dt="2022-07-01T19:27:56.468" v="1435"/>
          <ac:spMkLst>
            <pc:docMk/>
            <pc:sldMk cId="3619548704" sldId="272"/>
            <ac:spMk id="9" creationId="{6A3DDAB3-5855-3F9D-CF22-7CB003F2AEEC}"/>
          </ac:spMkLst>
        </pc:spChg>
        <pc:spChg chg="add del">
          <ac:chgData name="Vetle Nevland" userId="e8351a88428b982e" providerId="Windows Live" clId="Web-{C025448D-5757-4FA1-98E3-118D8218E144}" dt="2022-07-01T19:27:56.468" v="1435"/>
          <ac:spMkLst>
            <pc:docMk/>
            <pc:sldMk cId="3619548704" sldId="272"/>
            <ac:spMk id="10" creationId="{A2A4A9BC-13EE-DC36-F827-BF2DEF7F281C}"/>
          </ac:spMkLst>
        </pc:spChg>
        <pc:spChg chg="add del">
          <ac:chgData name="Vetle Nevland" userId="e8351a88428b982e" providerId="Windows Live" clId="Web-{C025448D-5757-4FA1-98E3-118D8218E144}" dt="2022-07-01T19:27:56.468" v="1435"/>
          <ac:spMkLst>
            <pc:docMk/>
            <pc:sldMk cId="3619548704" sldId="272"/>
            <ac:spMk id="11" creationId="{36B71C4A-5C5B-0F89-7D30-6D0352D8EE5D}"/>
          </ac:spMkLst>
        </pc:spChg>
        <pc:spChg chg="add del">
          <ac:chgData name="Vetle Nevland" userId="e8351a88428b982e" providerId="Windows Live" clId="Web-{C025448D-5757-4FA1-98E3-118D8218E144}" dt="2022-07-01T19:27:56.468" v="1435"/>
          <ac:spMkLst>
            <pc:docMk/>
            <pc:sldMk cId="3619548704" sldId="272"/>
            <ac:spMk id="17" creationId="{79C8E52F-DF88-EF5F-26D8-81699F40D5EA}"/>
          </ac:spMkLst>
        </pc:spChg>
        <pc:picChg chg="add del">
          <ac:chgData name="Vetle Nevland" userId="e8351a88428b982e" providerId="Windows Live" clId="Web-{C025448D-5757-4FA1-98E3-118D8218E144}" dt="2022-07-01T19:27:56.468" v="1435"/>
          <ac:picMkLst>
            <pc:docMk/>
            <pc:sldMk cId="3619548704" sldId="272"/>
            <ac:picMk id="15" creationId="{414F7885-6E90-C5B6-3632-5DF3135B48FE}"/>
          </ac:picMkLst>
        </pc:picChg>
      </pc:sldChg>
      <pc:sldChg chg="modSp modNotes">
        <pc:chgData name="Vetle Nevland" userId="e8351a88428b982e" providerId="Windows Live" clId="Web-{C025448D-5757-4FA1-98E3-118D8218E144}" dt="2022-07-01T18:19:53.732" v="270"/>
        <pc:sldMkLst>
          <pc:docMk/>
          <pc:sldMk cId="1350729691" sldId="275"/>
        </pc:sldMkLst>
        <pc:spChg chg="mod">
          <ac:chgData name="Vetle Nevland" userId="e8351a88428b982e" providerId="Windows Live" clId="Web-{C025448D-5757-4FA1-98E3-118D8218E144}" dt="2022-07-01T18:16:08.474" v="230" actId="20577"/>
          <ac:spMkLst>
            <pc:docMk/>
            <pc:sldMk cId="1350729691" sldId="275"/>
            <ac:spMk id="3" creationId="{2FC06C17-1E33-4899-990D-562A42466C64}"/>
          </ac:spMkLst>
        </pc:spChg>
      </pc:sldChg>
      <pc:sldChg chg="modSp modNotes">
        <pc:chgData name="Vetle Nevland" userId="e8351a88428b982e" providerId="Windows Live" clId="Web-{C025448D-5757-4FA1-98E3-118D8218E144}" dt="2022-07-01T19:13:23.568" v="1257"/>
        <pc:sldMkLst>
          <pc:docMk/>
          <pc:sldMk cId="1517011920" sldId="276"/>
        </pc:sldMkLst>
        <pc:spChg chg="mod">
          <ac:chgData name="Vetle Nevland" userId="e8351a88428b982e" providerId="Windows Live" clId="Web-{C025448D-5757-4FA1-98E3-118D8218E144}" dt="2022-07-01T18:31:01.889" v="367" actId="20577"/>
          <ac:spMkLst>
            <pc:docMk/>
            <pc:sldMk cId="1517011920" sldId="276"/>
            <ac:spMk id="3" creationId="{FA9BEED1-AEBE-44D8-AAD0-24BFA9803846}"/>
          </ac:spMkLst>
        </pc:spChg>
      </pc:sldChg>
      <pc:sldChg chg="modSp modNotes">
        <pc:chgData name="Vetle Nevland" userId="e8351a88428b982e" providerId="Windows Live" clId="Web-{C025448D-5757-4FA1-98E3-118D8218E144}" dt="2022-07-01T18:52:47.621" v="785"/>
        <pc:sldMkLst>
          <pc:docMk/>
          <pc:sldMk cId="263792605" sldId="277"/>
        </pc:sldMkLst>
        <pc:spChg chg="mod">
          <ac:chgData name="Vetle Nevland" userId="e8351a88428b982e" providerId="Windows Live" clId="Web-{C025448D-5757-4FA1-98E3-118D8218E144}" dt="2022-07-01T18:52:35.402" v="781" actId="20577"/>
          <ac:spMkLst>
            <pc:docMk/>
            <pc:sldMk cId="263792605" sldId="277"/>
            <ac:spMk id="3" creationId="{B889D0FC-EB36-4A2D-9205-1A8EE0ACA054}"/>
          </ac:spMkLst>
        </pc:spChg>
      </pc:sldChg>
      <pc:sldChg chg="del">
        <pc:chgData name="Vetle Nevland" userId="e8351a88428b982e" providerId="Windows Live" clId="Web-{C025448D-5757-4FA1-98E3-118D8218E144}" dt="2022-07-01T19:27:17.279" v="1431"/>
        <pc:sldMkLst>
          <pc:docMk/>
          <pc:sldMk cId="2261682600" sldId="278"/>
        </pc:sldMkLst>
      </pc:sldChg>
      <pc:sldChg chg="del">
        <pc:chgData name="Vetle Nevland" userId="e8351a88428b982e" providerId="Windows Live" clId="Web-{C025448D-5757-4FA1-98E3-118D8218E144}" dt="2022-07-01T19:27:19.154" v="1432"/>
        <pc:sldMkLst>
          <pc:docMk/>
          <pc:sldMk cId="3915159943" sldId="279"/>
        </pc:sldMkLst>
      </pc:sldChg>
      <pc:sldChg chg="del">
        <pc:chgData name="Vetle Nevland" userId="e8351a88428b982e" providerId="Windows Live" clId="Web-{C025448D-5757-4FA1-98E3-118D8218E144}" dt="2022-07-01T19:27:21.311" v="1433"/>
        <pc:sldMkLst>
          <pc:docMk/>
          <pc:sldMk cId="3098296218" sldId="280"/>
        </pc:sldMkLst>
      </pc:sldChg>
      <pc:sldChg chg="del modNotes">
        <pc:chgData name="Vetle Nevland" userId="e8351a88428b982e" providerId="Windows Live" clId="Web-{C025448D-5757-4FA1-98E3-118D8218E144}" dt="2022-07-01T18:39:07.873" v="568"/>
        <pc:sldMkLst>
          <pc:docMk/>
          <pc:sldMk cId="2652986289" sldId="281"/>
        </pc:sldMkLst>
      </pc:sldChg>
      <pc:sldChg chg="addSp delSp modSp new modNotes">
        <pc:chgData name="Vetle Nevland" userId="e8351a88428b982e" providerId="Windows Live" clId="Web-{C025448D-5757-4FA1-98E3-118D8218E144}" dt="2022-07-01T19:33:59.214" v="1467"/>
        <pc:sldMkLst>
          <pc:docMk/>
          <pc:sldMk cId="1741139523" sldId="283"/>
        </pc:sldMkLst>
        <pc:spChg chg="del mod">
          <ac:chgData name="Vetle Nevland" userId="e8351a88428b982e" providerId="Windows Live" clId="Web-{C025448D-5757-4FA1-98E3-118D8218E144}" dt="2022-07-01T18:54:29.468" v="791"/>
          <ac:spMkLst>
            <pc:docMk/>
            <pc:sldMk cId="1741139523" sldId="283"/>
            <ac:spMk id="2" creationId="{F8291B25-DC7A-47EE-9F2D-057B171FBDC9}"/>
          </ac:spMkLst>
        </pc:spChg>
        <pc:spChg chg="mod">
          <ac:chgData name="Vetle Nevland" userId="e8351a88428b982e" providerId="Windows Live" clId="Web-{C025448D-5757-4FA1-98E3-118D8218E144}" dt="2022-07-01T19:20:23.057" v="1347" actId="20577"/>
          <ac:spMkLst>
            <pc:docMk/>
            <pc:sldMk cId="1741139523" sldId="283"/>
            <ac:spMk id="3" creationId="{EAE8D81C-EEBB-6702-E304-62FB8601298A}"/>
          </ac:spMkLst>
        </pc:spChg>
        <pc:spChg chg="add mod">
          <ac:chgData name="Vetle Nevland" userId="e8351a88428b982e" providerId="Windows Live" clId="Web-{C025448D-5757-4FA1-98E3-118D8218E144}" dt="2022-07-01T18:54:57.516" v="806" actId="20577"/>
          <ac:spMkLst>
            <pc:docMk/>
            <pc:sldMk cId="1741139523" sldId="283"/>
            <ac:spMk id="6" creationId="{D5D44FEE-A72E-3F52-16EB-8127F1F69951}"/>
          </ac:spMkLst>
        </pc:spChg>
        <pc:picChg chg="add">
          <ac:chgData name="Vetle Nevland" userId="e8351a88428b982e" providerId="Windows Live" clId="Web-{C025448D-5757-4FA1-98E3-118D8218E144}" dt="2022-07-01T19:20:28.682" v="1348"/>
          <ac:picMkLst>
            <pc:docMk/>
            <pc:sldMk cId="1741139523" sldId="283"/>
            <ac:picMk id="8" creationId="{8A7969DB-8B1D-D3FE-88AC-DDAEAEC6BF8E}"/>
          </ac:picMkLst>
        </pc:picChg>
        <pc:picChg chg="add mod">
          <ac:chgData name="Vetle Nevland" userId="e8351a88428b982e" providerId="Windows Live" clId="Web-{C025448D-5757-4FA1-98E3-118D8218E144}" dt="2022-07-01T19:20:52.636" v="1351" actId="1076"/>
          <ac:picMkLst>
            <pc:docMk/>
            <pc:sldMk cId="1741139523" sldId="283"/>
            <ac:picMk id="10" creationId="{0469473A-8F19-D8F9-AC6D-BB2DD64C749E}"/>
          </ac:picMkLst>
        </pc:picChg>
        <pc:picChg chg="add mod">
          <ac:chgData name="Vetle Nevland" userId="e8351a88428b982e" providerId="Windows Live" clId="Web-{C025448D-5757-4FA1-98E3-118D8218E144}" dt="2022-07-01T19:22:14.685" v="1354" actId="1076"/>
          <ac:picMkLst>
            <pc:docMk/>
            <pc:sldMk cId="1741139523" sldId="283"/>
            <ac:picMk id="12" creationId="{B2A20A47-3E8B-20AB-4A5D-16CB036A29EA}"/>
          </ac:picMkLst>
        </pc:picChg>
        <pc:inkChg chg="add">
          <ac:chgData name="Vetle Nevland" userId="e8351a88428b982e" providerId="Windows Live" clId="Web-{C025448D-5757-4FA1-98E3-118D8218E144}" dt="2022-07-01T19:21:56.232" v="1352"/>
          <ac:inkMkLst>
            <pc:docMk/>
            <pc:sldMk cId="1741139523" sldId="283"/>
            <ac:inkMk id="13" creationId="{3CEEAA1A-A2BC-3B74-39CB-A87ABA0430BF}"/>
          </ac:inkMkLst>
        </pc:inkChg>
        <pc:inkChg chg="add">
          <ac:chgData name="Vetle Nevland" userId="e8351a88428b982e" providerId="Windows Live" clId="Web-{C025448D-5757-4FA1-98E3-118D8218E144}" dt="2022-07-01T19:22:06.138" v="1353"/>
          <ac:inkMkLst>
            <pc:docMk/>
            <pc:sldMk cId="1741139523" sldId="283"/>
            <ac:inkMk id="14" creationId="{B9C56AD0-AA06-BDB0-C5B0-60FB3326D357}"/>
          </ac:inkMkLst>
        </pc:inkChg>
        <pc:inkChg chg="add">
          <ac:chgData name="Vetle Nevland" userId="e8351a88428b982e" providerId="Windows Live" clId="Web-{C025448D-5757-4FA1-98E3-118D8218E144}" dt="2022-07-01T19:22:37.280" v="1355"/>
          <ac:inkMkLst>
            <pc:docMk/>
            <pc:sldMk cId="1741139523" sldId="283"/>
            <ac:inkMk id="15" creationId="{1AADB1CB-293F-5A6A-4416-0287E1D32B39}"/>
          </ac:inkMkLst>
        </pc:inkChg>
        <pc:inkChg chg="add">
          <ac:chgData name="Vetle Nevland" userId="e8351a88428b982e" providerId="Windows Live" clId="Web-{C025448D-5757-4FA1-98E3-118D8218E144}" dt="2022-07-01T19:22:44.489" v="1356"/>
          <ac:inkMkLst>
            <pc:docMk/>
            <pc:sldMk cId="1741139523" sldId="283"/>
            <ac:inkMk id="16" creationId="{FD93379D-1D28-0AB2-3B6E-D0ABB76C5BDB}"/>
          </ac:inkMkLst>
        </pc:inkChg>
      </pc:sldChg>
    </pc:docChg>
  </pc:docChgLst>
  <pc:docChgLst>
    <pc:chgData name="Vetle Nevland" userId="e8351a88428b982e" providerId="Windows Live" clId="Web-{35E5AB4A-4475-4A58-82AE-1CE289EDAF39}"/>
    <pc:docChg chg="modSld">
      <pc:chgData name="Vetle Nevland" userId="e8351a88428b982e" providerId="Windows Live" clId="Web-{35E5AB4A-4475-4A58-82AE-1CE289EDAF39}" dt="2022-07-01T12:38:25.717" v="3176"/>
      <pc:docMkLst>
        <pc:docMk/>
      </pc:docMkLst>
      <pc:sldChg chg="modNotes">
        <pc:chgData name="Vetle Nevland" userId="e8351a88428b982e" providerId="Windows Live" clId="Web-{35E5AB4A-4475-4A58-82AE-1CE289EDAF39}" dt="2022-07-01T12:19:14.509" v="2145"/>
        <pc:sldMkLst>
          <pc:docMk/>
          <pc:sldMk cId="1350729691" sldId="275"/>
        </pc:sldMkLst>
      </pc:sldChg>
      <pc:sldChg chg="modSp modNotes">
        <pc:chgData name="Vetle Nevland" userId="e8351a88428b982e" providerId="Windows Live" clId="Web-{35E5AB4A-4475-4A58-82AE-1CE289EDAF39}" dt="2022-07-01T12:34:37.388" v="2970"/>
        <pc:sldMkLst>
          <pc:docMk/>
          <pc:sldMk cId="1517011920" sldId="276"/>
        </pc:sldMkLst>
        <pc:spChg chg="mod">
          <ac:chgData name="Vetle Nevland" userId="e8351a88428b982e" providerId="Windows Live" clId="Web-{35E5AB4A-4475-4A58-82AE-1CE289EDAF39}" dt="2022-07-01T12:21:00.688" v="2147" actId="20577"/>
          <ac:spMkLst>
            <pc:docMk/>
            <pc:sldMk cId="1517011920" sldId="276"/>
            <ac:spMk id="3" creationId="{FA9BEED1-AEBE-44D8-AAD0-24BFA9803846}"/>
          </ac:spMkLst>
        </pc:spChg>
      </pc:sldChg>
      <pc:sldChg chg="modNotes">
        <pc:chgData name="Vetle Nevland" userId="e8351a88428b982e" providerId="Windows Live" clId="Web-{35E5AB4A-4475-4A58-82AE-1CE289EDAF39}" dt="2022-07-01T12:38:25.717" v="3176"/>
        <pc:sldMkLst>
          <pc:docMk/>
          <pc:sldMk cId="263792605" sldId="277"/>
        </pc:sldMkLst>
      </pc:sldChg>
      <pc:sldChg chg="modNotes">
        <pc:chgData name="Vetle Nevland" userId="e8351a88428b982e" providerId="Windows Live" clId="Web-{35E5AB4A-4475-4A58-82AE-1CE289EDAF39}" dt="2022-07-01T09:28:01.102" v="1149"/>
        <pc:sldMkLst>
          <pc:docMk/>
          <pc:sldMk cId="3098296218" sldId="280"/>
        </pc:sldMkLst>
      </pc:sldChg>
    </pc:docChg>
  </pc:docChgLst>
  <pc:docChgLst>
    <pc:chgData name="Gjestebruker" providerId="Windows Live" clId="Web-{B70D22B5-7EF2-4D29-AD02-2C808DC21E4C}"/>
    <pc:docChg chg="addSld delSld modSld">
      <pc:chgData name="Gjestebruker" userId="" providerId="Windows Live" clId="Web-{B70D22B5-7EF2-4D29-AD02-2C808DC21E4C}" dt="2022-07-01T09:02:31.357" v="135" actId="20577"/>
      <pc:docMkLst>
        <pc:docMk/>
      </pc:docMkLst>
      <pc:sldChg chg="addSp modSp modNotes">
        <pc:chgData name="Gjestebruker" userId="" providerId="Windows Live" clId="Web-{B70D22B5-7EF2-4D29-AD02-2C808DC21E4C}" dt="2022-07-01T09:01:02.388" v="53" actId="1076"/>
        <pc:sldMkLst>
          <pc:docMk/>
          <pc:sldMk cId="3254351504" sldId="273"/>
        </pc:sldMkLst>
        <pc:spChg chg="mod">
          <ac:chgData name="Gjestebruker" userId="" providerId="Windows Live" clId="Web-{B70D22B5-7EF2-4D29-AD02-2C808DC21E4C}" dt="2022-07-01T08:58:26.978" v="32" actId="20577"/>
          <ac:spMkLst>
            <pc:docMk/>
            <pc:sldMk cId="3254351504" sldId="273"/>
            <ac:spMk id="7" creationId="{C9EB49E6-F218-B959-CE40-297A4FAE8456}"/>
          </ac:spMkLst>
        </pc:spChg>
        <pc:picChg chg="add mod">
          <ac:chgData name="Gjestebruker" userId="" providerId="Windows Live" clId="Web-{B70D22B5-7EF2-4D29-AD02-2C808DC21E4C}" dt="2022-07-01T09:01:02.388" v="53" actId="1076"/>
          <ac:picMkLst>
            <pc:docMk/>
            <pc:sldMk cId="3254351504" sldId="273"/>
            <ac:picMk id="2" creationId="{80E17615-2792-5397-66EE-C14BEC4FBCA9}"/>
          </ac:picMkLst>
        </pc:picChg>
      </pc:sldChg>
      <pc:sldChg chg="new del">
        <pc:chgData name="Gjestebruker" userId="" providerId="Windows Live" clId="Web-{B70D22B5-7EF2-4D29-AD02-2C808DC21E4C}" dt="2022-07-01T08:57:19.008" v="19"/>
        <pc:sldMkLst>
          <pc:docMk/>
          <pc:sldMk cId="3349173" sldId="282"/>
        </pc:sldMkLst>
      </pc:sldChg>
      <pc:sldChg chg="addSp delSp modSp new">
        <pc:chgData name="Gjestebruker" userId="" providerId="Windows Live" clId="Web-{B70D22B5-7EF2-4D29-AD02-2C808DC21E4C}" dt="2022-07-01T09:02:31.357" v="135" actId="20577"/>
        <pc:sldMkLst>
          <pc:docMk/>
          <pc:sldMk cId="2783117066" sldId="282"/>
        </pc:sldMkLst>
        <pc:spChg chg="mod">
          <ac:chgData name="Gjestebruker" userId="" providerId="Windows Live" clId="Web-{B70D22B5-7EF2-4D29-AD02-2C808DC21E4C}" dt="2022-07-01T09:01:42.513" v="106" actId="1076"/>
          <ac:spMkLst>
            <pc:docMk/>
            <pc:sldMk cId="2783117066" sldId="282"/>
            <ac:spMk id="2" creationId="{EFFA73D2-92B6-5760-CAF5-27345768A390}"/>
          </ac:spMkLst>
        </pc:spChg>
        <pc:spChg chg="mod">
          <ac:chgData name="Gjestebruker" userId="" providerId="Windows Live" clId="Web-{B70D22B5-7EF2-4D29-AD02-2C808DC21E4C}" dt="2022-07-01T09:02:31.357" v="135" actId="20577"/>
          <ac:spMkLst>
            <pc:docMk/>
            <pc:sldMk cId="2783117066" sldId="282"/>
            <ac:spMk id="3" creationId="{F07B3BF2-E771-7314-FD63-7EDC710D92F0}"/>
          </ac:spMkLst>
        </pc:spChg>
        <pc:picChg chg="add del mod">
          <ac:chgData name="Gjestebruker" userId="" providerId="Windows Live" clId="Web-{B70D22B5-7EF2-4D29-AD02-2C808DC21E4C}" dt="2022-07-01T08:59:33.713" v="46"/>
          <ac:picMkLst>
            <pc:docMk/>
            <pc:sldMk cId="2783117066" sldId="282"/>
            <ac:picMk id="5" creationId="{5D0A17D5-2BA3-542B-3BF2-BF04163DD781}"/>
          </ac:picMkLst>
        </pc:picChg>
      </pc:sldChg>
    </pc:docChg>
  </pc:docChgLst>
  <pc:docChgLst>
    <pc:chgData name="Vetle Nevland" userId="e8351a88428b982e" providerId="Windows Live" clId="Web-{4E952893-E9FF-4541-AA5E-70A59DF5B695}"/>
    <pc:docChg chg="modSld">
      <pc:chgData name="Vetle Nevland" userId="e8351a88428b982e" providerId="Windows Live" clId="Web-{4E952893-E9FF-4541-AA5E-70A59DF5B695}" dt="2022-07-01T09:02:25.510" v="15" actId="1076"/>
      <pc:docMkLst>
        <pc:docMk/>
      </pc:docMkLst>
      <pc:sldChg chg="delSp modSp">
        <pc:chgData name="Vetle Nevland" userId="e8351a88428b982e" providerId="Windows Live" clId="Web-{4E952893-E9FF-4541-AA5E-70A59DF5B695}" dt="2022-07-01T08:57:19.406" v="3"/>
        <pc:sldMkLst>
          <pc:docMk/>
          <pc:sldMk cId="2261682600" sldId="278"/>
        </pc:sldMkLst>
        <pc:spChg chg="del mod">
          <ac:chgData name="Vetle Nevland" userId="e8351a88428b982e" providerId="Windows Live" clId="Web-{4E952893-E9FF-4541-AA5E-70A59DF5B695}" dt="2022-07-01T08:57:19.406" v="3"/>
          <ac:spMkLst>
            <pc:docMk/>
            <pc:sldMk cId="2261682600" sldId="278"/>
            <ac:spMk id="4" creationId="{5A61758C-1F56-4A26-982A-7869BAAEBBA5}"/>
          </ac:spMkLst>
        </pc:spChg>
      </pc:sldChg>
      <pc:sldChg chg="addSp delSp modSp">
        <pc:chgData name="Vetle Nevland" userId="e8351a88428b982e" providerId="Windows Live" clId="Web-{4E952893-E9FF-4541-AA5E-70A59DF5B695}" dt="2022-07-01T09:02:25.510" v="15" actId="1076"/>
        <pc:sldMkLst>
          <pc:docMk/>
          <pc:sldMk cId="3098296218" sldId="280"/>
        </pc:sldMkLst>
        <pc:spChg chg="del">
          <ac:chgData name="Vetle Nevland" userId="e8351a88428b982e" providerId="Windows Live" clId="Web-{4E952893-E9FF-4541-AA5E-70A59DF5B695}" dt="2022-07-01T08:57:27.422" v="4"/>
          <ac:spMkLst>
            <pc:docMk/>
            <pc:sldMk cId="3098296218" sldId="280"/>
            <ac:spMk id="4" creationId="{C117744B-96ED-4BAC-8A14-DC10BF68FD0E}"/>
          </ac:spMkLst>
        </pc:spChg>
        <pc:picChg chg="add del mod">
          <ac:chgData name="Vetle Nevland" userId="e8351a88428b982e" providerId="Windows Live" clId="Web-{4E952893-E9FF-4541-AA5E-70A59DF5B695}" dt="2022-07-01T09:01:54.618" v="10"/>
          <ac:picMkLst>
            <pc:docMk/>
            <pc:sldMk cId="3098296218" sldId="280"/>
            <ac:picMk id="6" creationId="{4CE4A91D-C13C-45FD-65E1-B2E960135522}"/>
          </ac:picMkLst>
        </pc:picChg>
        <pc:picChg chg="mod">
          <ac:chgData name="Vetle Nevland" userId="e8351a88428b982e" providerId="Windows Live" clId="Web-{4E952893-E9FF-4541-AA5E-70A59DF5B695}" dt="2022-07-01T09:02:25.510" v="15" actId="1076"/>
          <ac:picMkLst>
            <pc:docMk/>
            <pc:sldMk cId="3098296218" sldId="280"/>
            <ac:picMk id="7" creationId="{64FA4E93-3882-4EA2-AB8A-50FA6C2739D6}"/>
          </ac:picMkLst>
        </pc:picChg>
        <pc:picChg chg="add del mod">
          <ac:chgData name="Vetle Nevland" userId="e8351a88428b982e" providerId="Windows Live" clId="Web-{4E952893-E9FF-4541-AA5E-70A59DF5B695}" dt="2022-07-01T09:02:20.728" v="13"/>
          <ac:picMkLst>
            <pc:docMk/>
            <pc:sldMk cId="3098296218" sldId="280"/>
            <ac:picMk id="8" creationId="{D43398A0-0F82-9432-8FAB-966E2CFB606C}"/>
          </ac:picMkLst>
        </pc:picChg>
      </pc:sldChg>
    </pc:docChg>
  </pc:docChgLst>
  <pc:docChgLst>
    <pc:chgData name="Vetle Nevland" userId="e8351a88428b982e" providerId="Windows Live" clId="Web-{81AC8AC8-260D-485B-B971-EBE4478CC851}"/>
    <pc:docChg chg="modSld">
      <pc:chgData name="Vetle Nevland" userId="e8351a88428b982e" providerId="Windows Live" clId="Web-{81AC8AC8-260D-485B-B971-EBE4478CC851}" dt="2022-07-04T21:00:44.966" v="8" actId="14100"/>
      <pc:docMkLst>
        <pc:docMk/>
      </pc:docMkLst>
      <pc:sldChg chg="addSp delSp modSp">
        <pc:chgData name="Vetle Nevland" userId="e8351a88428b982e" providerId="Windows Live" clId="Web-{81AC8AC8-260D-485B-B971-EBE4478CC851}" dt="2022-07-04T21:00:44.966" v="8" actId="14100"/>
        <pc:sldMkLst>
          <pc:docMk/>
          <pc:sldMk cId="1517011920" sldId="276"/>
        </pc:sldMkLst>
        <pc:picChg chg="add mod modCrop">
          <ac:chgData name="Vetle Nevland" userId="e8351a88428b982e" providerId="Windows Live" clId="Web-{81AC8AC8-260D-485B-B971-EBE4478CC851}" dt="2022-07-04T21:00:44.966" v="8" actId="14100"/>
          <ac:picMkLst>
            <pc:docMk/>
            <pc:sldMk cId="1517011920" sldId="276"/>
            <ac:picMk id="4" creationId="{710C8F25-2216-31C5-0C81-FB81EEEEC195}"/>
          </ac:picMkLst>
        </pc:picChg>
        <pc:picChg chg="del">
          <ac:chgData name="Vetle Nevland" userId="e8351a88428b982e" providerId="Windows Live" clId="Web-{81AC8AC8-260D-485B-B971-EBE4478CC851}" dt="2022-07-04T21:00:10.996" v="1"/>
          <ac:picMkLst>
            <pc:docMk/>
            <pc:sldMk cId="1517011920" sldId="276"/>
            <ac:picMk id="6" creationId="{EEFA13BE-7619-4D7D-BDE1-76D10D2830C0}"/>
          </ac:picMkLst>
        </pc:picChg>
      </pc:sldChg>
    </pc:docChg>
  </pc:docChgLst>
  <pc:docChgLst>
    <pc:chgData name="Gjestebruker" providerId="Windows Live" clId="Web-{B1E9B6A8-1180-4CD4-BC92-CB28D6836D43}"/>
    <pc:docChg chg="modSld">
      <pc:chgData name="Gjestebruker" userId="" providerId="Windows Live" clId="Web-{B1E9B6A8-1180-4CD4-BC92-CB28D6836D43}" dt="2022-07-05T09:26:51.866" v="11"/>
      <pc:docMkLst>
        <pc:docMk/>
      </pc:docMkLst>
      <pc:sldChg chg="modNotes">
        <pc:chgData name="Gjestebruker" userId="" providerId="Windows Live" clId="Web-{B1E9B6A8-1180-4CD4-BC92-CB28D6836D43}" dt="2022-07-05T09:26:51.866" v="11"/>
        <pc:sldMkLst>
          <pc:docMk/>
          <pc:sldMk cId="2783117066" sldId="282"/>
        </pc:sldMkLst>
      </pc:sldChg>
    </pc:docChg>
  </pc:docChgLst>
  <pc:docChgLst>
    <pc:chgData name="Vetle Nevland" userId="e8351a88428b982e" providerId="Windows Live" clId="Web-{3A8A547C-481F-47EF-8D26-AC7CB49ACF31}"/>
    <pc:docChg chg="modSld">
      <pc:chgData name="Vetle Nevland" userId="e8351a88428b982e" providerId="Windows Live" clId="Web-{3A8A547C-481F-47EF-8D26-AC7CB49ACF31}" dt="2022-07-04T16:19:18.181" v="28"/>
      <pc:docMkLst>
        <pc:docMk/>
      </pc:docMkLst>
      <pc:sldChg chg="modNotes">
        <pc:chgData name="Vetle Nevland" userId="e8351a88428b982e" providerId="Windows Live" clId="Web-{3A8A547C-481F-47EF-8D26-AC7CB49ACF31}" dt="2022-07-04T15:53:49.708" v="2"/>
        <pc:sldMkLst>
          <pc:docMk/>
          <pc:sldMk cId="3254351504" sldId="273"/>
        </pc:sldMkLst>
      </pc:sldChg>
      <pc:sldChg chg="modNotes">
        <pc:chgData name="Vetle Nevland" userId="e8351a88428b982e" providerId="Windows Live" clId="Web-{3A8A547C-481F-47EF-8D26-AC7CB49ACF31}" dt="2022-07-04T15:55:26.384" v="9"/>
        <pc:sldMkLst>
          <pc:docMk/>
          <pc:sldMk cId="1350729691" sldId="275"/>
        </pc:sldMkLst>
      </pc:sldChg>
      <pc:sldChg chg="modNotes">
        <pc:chgData name="Vetle Nevland" userId="e8351a88428b982e" providerId="Windows Live" clId="Web-{3A8A547C-481F-47EF-8D26-AC7CB49ACF31}" dt="2022-07-04T16:19:18.181" v="28"/>
        <pc:sldMkLst>
          <pc:docMk/>
          <pc:sldMk cId="1517011920" sldId="276"/>
        </pc:sldMkLst>
      </pc:sldChg>
      <pc:sldChg chg="modNotes">
        <pc:chgData name="Vetle Nevland" userId="e8351a88428b982e" providerId="Windows Live" clId="Web-{3A8A547C-481F-47EF-8D26-AC7CB49ACF31}" dt="2022-07-04T16:17:54.755" v="26"/>
        <pc:sldMkLst>
          <pc:docMk/>
          <pc:sldMk cId="263792605" sldId="277"/>
        </pc:sldMkLst>
      </pc:sldChg>
    </pc:docChg>
  </pc:docChgLst>
  <pc:docChgLst>
    <pc:chgData name="Vetle Nevland" userId="e8351a88428b982e" providerId="LiveId" clId="{888D2823-9E89-4064-A158-7F485614BF55}"/>
    <pc:docChg chg="custSel addSld modSld">
      <pc:chgData name="Vetle Nevland" userId="e8351a88428b982e" providerId="LiveId" clId="{888D2823-9E89-4064-A158-7F485614BF55}" dt="2022-06-30T20:48:33.121" v="6381" actId="20577"/>
      <pc:docMkLst>
        <pc:docMk/>
      </pc:docMkLst>
      <pc:sldChg chg="modSp mod">
        <pc:chgData name="Vetle Nevland" userId="e8351a88428b982e" providerId="LiveId" clId="{888D2823-9E89-4064-A158-7F485614BF55}" dt="2022-06-30T13:03:40.333" v="135" actId="20577"/>
        <pc:sldMkLst>
          <pc:docMk/>
          <pc:sldMk cId="3619548704" sldId="272"/>
        </pc:sldMkLst>
        <pc:spChg chg="mod">
          <ac:chgData name="Vetle Nevland" userId="e8351a88428b982e" providerId="LiveId" clId="{888D2823-9E89-4064-A158-7F485614BF55}" dt="2022-06-30T13:00:50.368" v="38" actId="20577"/>
          <ac:spMkLst>
            <pc:docMk/>
            <pc:sldMk cId="3619548704" sldId="272"/>
            <ac:spMk id="8" creationId="{C3A916A5-A7C2-F8EF-076B-B6AB54753A46}"/>
          </ac:spMkLst>
        </pc:spChg>
        <pc:spChg chg="mod">
          <ac:chgData name="Vetle Nevland" userId="e8351a88428b982e" providerId="LiveId" clId="{888D2823-9E89-4064-A158-7F485614BF55}" dt="2022-06-30T13:03:40.333" v="135" actId="20577"/>
          <ac:spMkLst>
            <pc:docMk/>
            <pc:sldMk cId="3619548704" sldId="272"/>
            <ac:spMk id="9" creationId="{6A3DDAB3-5855-3F9D-CF22-7CB003F2AEEC}"/>
          </ac:spMkLst>
        </pc:spChg>
      </pc:sldChg>
      <pc:sldChg chg="modSp mod">
        <pc:chgData name="Vetle Nevland" userId="e8351a88428b982e" providerId="LiveId" clId="{888D2823-9E89-4064-A158-7F485614BF55}" dt="2022-06-30T13:32:56.794" v="144" actId="20577"/>
        <pc:sldMkLst>
          <pc:docMk/>
          <pc:sldMk cId="3254351504" sldId="273"/>
        </pc:sldMkLst>
        <pc:spChg chg="mod">
          <ac:chgData name="Vetle Nevland" userId="e8351a88428b982e" providerId="LiveId" clId="{888D2823-9E89-4064-A158-7F485614BF55}" dt="2022-06-30T13:32:56.794" v="144" actId="20577"/>
          <ac:spMkLst>
            <pc:docMk/>
            <pc:sldMk cId="3254351504" sldId="273"/>
            <ac:spMk id="6" creationId="{12ED8E11-A6EF-C213-FC8F-1630F784C230}"/>
          </ac:spMkLst>
        </pc:spChg>
      </pc:sldChg>
      <pc:sldChg chg="modSp new mod modNotesTx">
        <pc:chgData name="Vetle Nevland" userId="e8351a88428b982e" providerId="LiveId" clId="{888D2823-9E89-4064-A158-7F485614BF55}" dt="2022-06-30T19:09:46.458" v="3442" actId="20577"/>
        <pc:sldMkLst>
          <pc:docMk/>
          <pc:sldMk cId="1350729691" sldId="275"/>
        </pc:sldMkLst>
        <pc:spChg chg="mod">
          <ac:chgData name="Vetle Nevland" userId="e8351a88428b982e" providerId="LiveId" clId="{888D2823-9E89-4064-A158-7F485614BF55}" dt="2022-06-30T13:40:22.997" v="172" actId="20577"/>
          <ac:spMkLst>
            <pc:docMk/>
            <pc:sldMk cId="1350729691" sldId="275"/>
            <ac:spMk id="2" creationId="{C9BC9DF4-C051-4191-845B-5F14AFD0286F}"/>
          </ac:spMkLst>
        </pc:spChg>
        <pc:spChg chg="mod">
          <ac:chgData name="Vetle Nevland" userId="e8351a88428b982e" providerId="LiveId" clId="{888D2823-9E89-4064-A158-7F485614BF55}" dt="2022-06-30T13:49:36.686" v="443" actId="115"/>
          <ac:spMkLst>
            <pc:docMk/>
            <pc:sldMk cId="1350729691" sldId="275"/>
            <ac:spMk id="3" creationId="{2FC06C17-1E33-4899-990D-562A42466C64}"/>
          </ac:spMkLst>
        </pc:spChg>
      </pc:sldChg>
      <pc:sldChg chg="modSp new mod modNotesTx">
        <pc:chgData name="Vetle Nevland" userId="e8351a88428b982e" providerId="LiveId" clId="{888D2823-9E89-4064-A158-7F485614BF55}" dt="2022-06-30T20:48:33.121" v="6381" actId="20577"/>
        <pc:sldMkLst>
          <pc:docMk/>
          <pc:sldMk cId="1517011920" sldId="276"/>
        </pc:sldMkLst>
        <pc:spChg chg="mod">
          <ac:chgData name="Vetle Nevland" userId="e8351a88428b982e" providerId="LiveId" clId="{888D2823-9E89-4064-A158-7F485614BF55}" dt="2022-06-30T13:50:18.636" v="459" actId="20577"/>
          <ac:spMkLst>
            <pc:docMk/>
            <pc:sldMk cId="1517011920" sldId="276"/>
            <ac:spMk id="2" creationId="{4C6E5A50-F201-455C-9244-DBE98CC8A1DB}"/>
          </ac:spMkLst>
        </pc:spChg>
        <pc:spChg chg="mod">
          <ac:chgData name="Vetle Nevland" userId="e8351a88428b982e" providerId="LiveId" clId="{888D2823-9E89-4064-A158-7F485614BF55}" dt="2022-06-30T13:59:18.333" v="855" actId="20577"/>
          <ac:spMkLst>
            <pc:docMk/>
            <pc:sldMk cId="1517011920" sldId="276"/>
            <ac:spMk id="3" creationId="{FA9BEED1-AEBE-44D8-AAD0-24BFA9803846}"/>
          </ac:spMkLst>
        </pc:spChg>
      </pc:sldChg>
      <pc:sldChg chg="modSp new mod modNotesTx">
        <pc:chgData name="Vetle Nevland" userId="e8351a88428b982e" providerId="LiveId" clId="{888D2823-9E89-4064-A158-7F485614BF55}" dt="2022-06-30T19:47:18.630" v="6156" actId="20577"/>
        <pc:sldMkLst>
          <pc:docMk/>
          <pc:sldMk cId="263792605" sldId="277"/>
        </pc:sldMkLst>
        <pc:spChg chg="mod">
          <ac:chgData name="Vetle Nevland" userId="e8351a88428b982e" providerId="LiveId" clId="{888D2823-9E89-4064-A158-7F485614BF55}" dt="2022-06-30T13:57:30.860" v="762" actId="20577"/>
          <ac:spMkLst>
            <pc:docMk/>
            <pc:sldMk cId="263792605" sldId="277"/>
            <ac:spMk id="2" creationId="{56FDB0A7-45F7-4C8B-AFE2-6E3484976270}"/>
          </ac:spMkLst>
        </pc:spChg>
        <pc:spChg chg="mod">
          <ac:chgData name="Vetle Nevland" userId="e8351a88428b982e" providerId="LiveId" clId="{888D2823-9E89-4064-A158-7F485614BF55}" dt="2022-06-30T14:05:53.543" v="1091" actId="20577"/>
          <ac:spMkLst>
            <pc:docMk/>
            <pc:sldMk cId="263792605" sldId="277"/>
            <ac:spMk id="3" creationId="{B889D0FC-EB36-4A2D-9205-1A8EE0ACA054}"/>
          </ac:spMkLst>
        </pc:spChg>
      </pc:sldChg>
      <pc:sldChg chg="addSp modSp new mod">
        <pc:chgData name="Vetle Nevland" userId="e8351a88428b982e" providerId="LiveId" clId="{888D2823-9E89-4064-A158-7F485614BF55}" dt="2022-06-30T14:35:03.271" v="1731" actId="404"/>
        <pc:sldMkLst>
          <pc:docMk/>
          <pc:sldMk cId="2261682600" sldId="278"/>
        </pc:sldMkLst>
        <pc:spChg chg="mod">
          <ac:chgData name="Vetle Nevland" userId="e8351a88428b982e" providerId="LiveId" clId="{888D2823-9E89-4064-A158-7F485614BF55}" dt="2022-06-30T14:35:03.271" v="1731" actId="404"/>
          <ac:spMkLst>
            <pc:docMk/>
            <pc:sldMk cId="2261682600" sldId="278"/>
            <ac:spMk id="2" creationId="{347D0312-9C62-4AE6-ADDB-02B706C4606C}"/>
          </ac:spMkLst>
        </pc:spChg>
        <pc:spChg chg="mod">
          <ac:chgData name="Vetle Nevland" userId="e8351a88428b982e" providerId="LiveId" clId="{888D2823-9E89-4064-A158-7F485614BF55}" dt="2022-06-30T14:21:23.001" v="1473" actId="20577"/>
          <ac:spMkLst>
            <pc:docMk/>
            <pc:sldMk cId="2261682600" sldId="278"/>
            <ac:spMk id="3" creationId="{C3BFD58F-C2BA-414D-99D4-7CCC30C268B6}"/>
          </ac:spMkLst>
        </pc:spChg>
        <pc:picChg chg="add mod">
          <ac:chgData name="Vetle Nevland" userId="e8351a88428b982e" providerId="LiveId" clId="{888D2823-9E89-4064-A158-7F485614BF55}" dt="2022-06-30T14:18:55.845" v="1360" actId="1076"/>
          <ac:picMkLst>
            <pc:docMk/>
            <pc:sldMk cId="2261682600" sldId="278"/>
            <ac:picMk id="5" creationId="{FA27A04D-F370-41CA-A280-F8D04261F2A5}"/>
          </ac:picMkLst>
        </pc:picChg>
        <pc:picChg chg="add mod">
          <ac:chgData name="Vetle Nevland" userId="e8351a88428b982e" providerId="LiveId" clId="{888D2823-9E89-4064-A158-7F485614BF55}" dt="2022-06-30T14:19:25.795" v="1368" actId="1076"/>
          <ac:picMkLst>
            <pc:docMk/>
            <pc:sldMk cId="2261682600" sldId="278"/>
            <ac:picMk id="6" creationId="{1CDF0F40-A15B-4FF4-913F-798148F3D7A4}"/>
          </ac:picMkLst>
        </pc:picChg>
        <pc:picChg chg="add mod">
          <ac:chgData name="Vetle Nevland" userId="e8351a88428b982e" providerId="LiveId" clId="{888D2823-9E89-4064-A158-7F485614BF55}" dt="2022-06-30T14:19:14.142" v="1366" actId="1076"/>
          <ac:picMkLst>
            <pc:docMk/>
            <pc:sldMk cId="2261682600" sldId="278"/>
            <ac:picMk id="7" creationId="{2BBFDFEF-ED96-4BFC-A813-BCE3A9DAAECC}"/>
          </ac:picMkLst>
        </pc:picChg>
      </pc:sldChg>
      <pc:sldChg chg="addSp modSp new mod">
        <pc:chgData name="Vetle Nevland" userId="e8351a88428b982e" providerId="LiveId" clId="{888D2823-9E89-4064-A158-7F485614BF55}" dt="2022-06-30T14:35:51.363" v="1754" actId="20577"/>
        <pc:sldMkLst>
          <pc:docMk/>
          <pc:sldMk cId="3915159943" sldId="279"/>
        </pc:sldMkLst>
        <pc:spChg chg="mod">
          <ac:chgData name="Vetle Nevland" userId="e8351a88428b982e" providerId="LiveId" clId="{888D2823-9E89-4064-A158-7F485614BF55}" dt="2022-06-30T14:34:57.206" v="1728" actId="404"/>
          <ac:spMkLst>
            <pc:docMk/>
            <pc:sldMk cId="3915159943" sldId="279"/>
            <ac:spMk id="2" creationId="{EC4D0D52-6FDD-4964-B54C-E9B8A11D0C0E}"/>
          </ac:spMkLst>
        </pc:spChg>
        <pc:spChg chg="mod">
          <ac:chgData name="Vetle Nevland" userId="e8351a88428b982e" providerId="LiveId" clId="{888D2823-9E89-4064-A158-7F485614BF55}" dt="2022-06-30T14:35:51.363" v="1754" actId="20577"/>
          <ac:spMkLst>
            <pc:docMk/>
            <pc:sldMk cId="3915159943" sldId="279"/>
            <ac:spMk id="3" creationId="{BC4FE3B4-FBF7-48F9-824B-29B14A42E182}"/>
          </ac:spMkLst>
        </pc:spChg>
        <pc:picChg chg="add mod">
          <ac:chgData name="Vetle Nevland" userId="e8351a88428b982e" providerId="LiveId" clId="{888D2823-9E89-4064-A158-7F485614BF55}" dt="2022-06-30T14:23:09.209" v="1507" actId="1076"/>
          <ac:picMkLst>
            <pc:docMk/>
            <pc:sldMk cId="3915159943" sldId="279"/>
            <ac:picMk id="5" creationId="{3369CACC-8AB2-49C6-9280-B33085D5191C}"/>
          </ac:picMkLst>
        </pc:picChg>
        <pc:picChg chg="add mod">
          <ac:chgData name="Vetle Nevland" userId="e8351a88428b982e" providerId="LiveId" clId="{888D2823-9E89-4064-A158-7F485614BF55}" dt="2022-06-30T14:26:21.206" v="1611" actId="1076"/>
          <ac:picMkLst>
            <pc:docMk/>
            <pc:sldMk cId="3915159943" sldId="279"/>
            <ac:picMk id="6" creationId="{0CC06ADA-EBEF-4A41-BA9A-0597F229537C}"/>
          </ac:picMkLst>
        </pc:picChg>
        <pc:picChg chg="add mod">
          <ac:chgData name="Vetle Nevland" userId="e8351a88428b982e" providerId="LiveId" clId="{888D2823-9E89-4064-A158-7F485614BF55}" dt="2022-06-30T14:26:11.380" v="1609" actId="1076"/>
          <ac:picMkLst>
            <pc:docMk/>
            <pc:sldMk cId="3915159943" sldId="279"/>
            <ac:picMk id="7" creationId="{08629779-0AC0-4597-9367-3F7796FE9419}"/>
          </ac:picMkLst>
        </pc:picChg>
      </pc:sldChg>
      <pc:sldChg chg="addSp modSp new mod">
        <pc:chgData name="Vetle Nevland" userId="e8351a88428b982e" providerId="LiveId" clId="{888D2823-9E89-4064-A158-7F485614BF55}" dt="2022-06-30T14:55:31.343" v="2302" actId="1076"/>
        <pc:sldMkLst>
          <pc:docMk/>
          <pc:sldMk cId="3098296218" sldId="280"/>
        </pc:sldMkLst>
        <pc:spChg chg="mod">
          <ac:chgData name="Vetle Nevland" userId="e8351a88428b982e" providerId="LiveId" clId="{888D2823-9E89-4064-A158-7F485614BF55}" dt="2022-06-30T14:34:51.092" v="1725" actId="404"/>
          <ac:spMkLst>
            <pc:docMk/>
            <pc:sldMk cId="3098296218" sldId="280"/>
            <ac:spMk id="2" creationId="{4532B5DA-3FF0-40FF-BC9B-A66254292BB8}"/>
          </ac:spMkLst>
        </pc:spChg>
        <pc:spChg chg="mod">
          <ac:chgData name="Vetle Nevland" userId="e8351a88428b982e" providerId="LiveId" clId="{888D2823-9E89-4064-A158-7F485614BF55}" dt="2022-06-30T14:51:14.285" v="2277" actId="20577"/>
          <ac:spMkLst>
            <pc:docMk/>
            <pc:sldMk cId="3098296218" sldId="280"/>
            <ac:spMk id="3" creationId="{C944F1D3-0E2B-40CD-BD21-510B2357261F}"/>
          </ac:spMkLst>
        </pc:spChg>
        <pc:picChg chg="add mod">
          <ac:chgData name="Vetle Nevland" userId="e8351a88428b982e" providerId="LiveId" clId="{888D2823-9E89-4064-A158-7F485614BF55}" dt="2022-06-30T14:55:01.578" v="2293" actId="1076"/>
          <ac:picMkLst>
            <pc:docMk/>
            <pc:sldMk cId="3098296218" sldId="280"/>
            <ac:picMk id="5" creationId="{10B8C13C-74E3-43EE-8248-0681AF555946}"/>
          </ac:picMkLst>
        </pc:picChg>
        <pc:picChg chg="add mod ord">
          <ac:chgData name="Vetle Nevland" userId="e8351a88428b982e" providerId="LiveId" clId="{888D2823-9E89-4064-A158-7F485614BF55}" dt="2022-06-30T14:55:31.343" v="2302" actId="1076"/>
          <ac:picMkLst>
            <pc:docMk/>
            <pc:sldMk cId="3098296218" sldId="280"/>
            <ac:picMk id="7" creationId="{64FA4E93-3882-4EA2-AB8A-50FA6C2739D6}"/>
          </ac:picMkLst>
        </pc:picChg>
        <pc:picChg chg="add mod ord">
          <ac:chgData name="Vetle Nevland" userId="e8351a88428b982e" providerId="LiveId" clId="{888D2823-9E89-4064-A158-7F485614BF55}" dt="2022-06-30T14:55:20.937" v="2300" actId="1076"/>
          <ac:picMkLst>
            <pc:docMk/>
            <pc:sldMk cId="3098296218" sldId="280"/>
            <ac:picMk id="9" creationId="{092E6513-6A7A-4C5C-9F1E-916BD73E4E8D}"/>
          </ac:picMkLst>
        </pc:picChg>
      </pc:sldChg>
    </pc:docChg>
  </pc:docChgLst>
  <pc:docChgLst>
    <pc:chgData name="Eirik Lian" userId="fd61fa22-a593-499a-9d93-9ab7056758e5" providerId="ADAL" clId="{869DCE16-EEAF-FC4D-89D2-5AB34BB69008}"/>
    <pc:docChg chg="undo custSel addSld delSld modSld">
      <pc:chgData name="Eirik Lian" userId="fd61fa22-a593-499a-9d93-9ab7056758e5" providerId="ADAL" clId="{869DCE16-EEAF-FC4D-89D2-5AB34BB69008}" dt="2021-01-22T11:58:25.662" v="81" actId="2696"/>
      <pc:docMkLst>
        <pc:docMk/>
      </pc:docMkLst>
      <pc:sldChg chg="del">
        <pc:chgData name="Eirik Lian" userId="fd61fa22-a593-499a-9d93-9ab7056758e5" providerId="ADAL" clId="{869DCE16-EEAF-FC4D-89D2-5AB34BB69008}" dt="2021-01-11T12:49:47.940" v="0" actId="2696"/>
        <pc:sldMkLst>
          <pc:docMk/>
          <pc:sldMk cId="3258238136" sldId="260"/>
        </pc:sldMkLst>
      </pc:sldChg>
      <pc:sldChg chg="addSp delSp modSp del mod modClrScheme chgLayout">
        <pc:chgData name="Eirik Lian" userId="fd61fa22-a593-499a-9d93-9ab7056758e5" providerId="ADAL" clId="{869DCE16-EEAF-FC4D-89D2-5AB34BB69008}" dt="2021-01-11T12:52:36.501" v="9" actId="2696"/>
        <pc:sldMkLst>
          <pc:docMk/>
          <pc:sldMk cId="620042618" sldId="266"/>
        </pc:sldMkLst>
        <pc:spChg chg="add del mod ord">
          <ac:chgData name="Eirik Lian" userId="fd61fa22-a593-499a-9d93-9ab7056758e5" providerId="ADAL" clId="{869DCE16-EEAF-FC4D-89D2-5AB34BB69008}" dt="2021-01-11T12:50:14.527" v="2" actId="700"/>
          <ac:spMkLst>
            <pc:docMk/>
            <pc:sldMk cId="620042618" sldId="266"/>
            <ac:spMk id="2" creationId="{E49E6019-3C98-BC45-8A17-8A0F6E1772AF}"/>
          </ac:spMkLst>
        </pc:spChg>
        <pc:spChg chg="add del mod ord">
          <ac:chgData name="Eirik Lian" userId="fd61fa22-a593-499a-9d93-9ab7056758e5" providerId="ADAL" clId="{869DCE16-EEAF-FC4D-89D2-5AB34BB69008}" dt="2021-01-11T12:50:14.527" v="2" actId="700"/>
          <ac:spMkLst>
            <pc:docMk/>
            <pc:sldMk cId="620042618" sldId="266"/>
            <ac:spMk id="3" creationId="{95AF802A-960F-7B4B-8F0D-DE9292A95A41}"/>
          </ac:spMkLst>
        </pc:spChg>
        <pc:spChg chg="mod ord">
          <ac:chgData name="Eirik Lian" userId="fd61fa22-a593-499a-9d93-9ab7056758e5" providerId="ADAL" clId="{869DCE16-EEAF-FC4D-89D2-5AB34BB69008}" dt="2021-01-11T12:50:14.527" v="2" actId="700"/>
          <ac:spMkLst>
            <pc:docMk/>
            <pc:sldMk cId="620042618" sldId="266"/>
            <ac:spMk id="4" creationId="{A3E4FBFA-7084-3B4D-B0A5-9ABE8234304B}"/>
          </ac:spMkLst>
        </pc:spChg>
        <pc:spChg chg="add del">
          <ac:chgData name="Eirik Lian" userId="fd61fa22-a593-499a-9d93-9ab7056758e5" providerId="ADAL" clId="{869DCE16-EEAF-FC4D-89D2-5AB34BB69008}" dt="2021-01-11T12:50:14.527" v="2" actId="700"/>
          <ac:spMkLst>
            <pc:docMk/>
            <pc:sldMk cId="620042618" sldId="266"/>
            <ac:spMk id="5" creationId="{E72F22BF-0610-B043-9C34-B0939BD021B6}"/>
          </ac:spMkLst>
        </pc:spChg>
        <pc:spChg chg="add del mod ord">
          <ac:chgData name="Eirik Lian" userId="fd61fa22-a593-499a-9d93-9ab7056758e5" providerId="ADAL" clId="{869DCE16-EEAF-FC4D-89D2-5AB34BB69008}" dt="2021-01-11T12:50:14.527" v="2" actId="700"/>
          <ac:spMkLst>
            <pc:docMk/>
            <pc:sldMk cId="620042618" sldId="266"/>
            <ac:spMk id="6" creationId="{2D21ACFC-9F7C-1241-9BB1-99A8AA8EDBED}"/>
          </ac:spMkLst>
        </pc:spChg>
        <pc:spChg chg="add del mod ord">
          <ac:chgData name="Eirik Lian" userId="fd61fa22-a593-499a-9d93-9ab7056758e5" providerId="ADAL" clId="{869DCE16-EEAF-FC4D-89D2-5AB34BB69008}" dt="2021-01-11T12:50:14.527" v="2" actId="700"/>
          <ac:spMkLst>
            <pc:docMk/>
            <pc:sldMk cId="620042618" sldId="266"/>
            <ac:spMk id="7" creationId="{B9534022-604E-4143-89E8-27490B095B06}"/>
          </ac:spMkLst>
        </pc:spChg>
      </pc:sldChg>
      <pc:sldChg chg="addSp delSp modSp new del mod modClrScheme chgLayout">
        <pc:chgData name="Eirik Lian" userId="fd61fa22-a593-499a-9d93-9ab7056758e5" providerId="ADAL" clId="{869DCE16-EEAF-FC4D-89D2-5AB34BB69008}" dt="2021-01-11T12:52:41.723" v="10" actId="2696"/>
        <pc:sldMkLst>
          <pc:docMk/>
          <pc:sldMk cId="1858560761" sldId="267"/>
        </pc:sldMkLst>
        <pc:spChg chg="del mod ord">
          <ac:chgData name="Eirik Lian" userId="fd61fa22-a593-499a-9d93-9ab7056758e5" providerId="ADAL" clId="{869DCE16-EEAF-FC4D-89D2-5AB34BB69008}" dt="2021-01-11T12:50:34.877" v="4" actId="700"/>
          <ac:spMkLst>
            <pc:docMk/>
            <pc:sldMk cId="1858560761" sldId="267"/>
            <ac:spMk id="2" creationId="{17EFE89B-D1D5-4644-981F-E0587E7BB634}"/>
          </ac:spMkLst>
        </pc:spChg>
        <pc:spChg chg="mod ord">
          <ac:chgData name="Eirik Lian" userId="fd61fa22-a593-499a-9d93-9ab7056758e5" providerId="ADAL" clId="{869DCE16-EEAF-FC4D-89D2-5AB34BB69008}" dt="2021-01-11T12:50:34.877" v="4" actId="700"/>
          <ac:spMkLst>
            <pc:docMk/>
            <pc:sldMk cId="1858560761" sldId="267"/>
            <ac:spMk id="3" creationId="{4972C683-EEE6-2B46-A36E-96854A4EFD15}"/>
          </ac:spMkLst>
        </pc:spChg>
        <pc:spChg chg="del">
          <ac:chgData name="Eirik Lian" userId="fd61fa22-a593-499a-9d93-9ab7056758e5" providerId="ADAL" clId="{869DCE16-EEAF-FC4D-89D2-5AB34BB69008}" dt="2021-01-11T12:50:34.877" v="4" actId="700"/>
          <ac:spMkLst>
            <pc:docMk/>
            <pc:sldMk cId="1858560761" sldId="267"/>
            <ac:spMk id="4" creationId="{D907D888-E410-3246-A4C2-5B3B2595452B}"/>
          </ac:spMkLst>
        </pc:spChg>
        <pc:spChg chg="add mod ord">
          <ac:chgData name="Eirik Lian" userId="fd61fa22-a593-499a-9d93-9ab7056758e5" providerId="ADAL" clId="{869DCE16-EEAF-FC4D-89D2-5AB34BB69008}" dt="2021-01-11T12:50:34.877" v="4" actId="700"/>
          <ac:spMkLst>
            <pc:docMk/>
            <pc:sldMk cId="1858560761" sldId="267"/>
            <ac:spMk id="5" creationId="{86D413DD-C7CA-0342-A5C1-6B52D2CA15B3}"/>
          </ac:spMkLst>
        </pc:spChg>
      </pc:sldChg>
      <pc:sldChg chg="addSp delSp modSp new mod modClrScheme chgLayout">
        <pc:chgData name="Eirik Lian" userId="fd61fa22-a593-499a-9d93-9ab7056758e5" providerId="ADAL" clId="{869DCE16-EEAF-FC4D-89D2-5AB34BB69008}" dt="2021-01-11T12:50:46.186" v="6" actId="700"/>
        <pc:sldMkLst>
          <pc:docMk/>
          <pc:sldMk cId="1108042337" sldId="268"/>
        </pc:sldMkLst>
        <pc:spChg chg="del mod ord">
          <ac:chgData name="Eirik Lian" userId="fd61fa22-a593-499a-9d93-9ab7056758e5" providerId="ADAL" clId="{869DCE16-EEAF-FC4D-89D2-5AB34BB69008}" dt="2021-01-11T12:50:46.186" v="6" actId="700"/>
          <ac:spMkLst>
            <pc:docMk/>
            <pc:sldMk cId="1108042337" sldId="268"/>
            <ac:spMk id="2" creationId="{B6CA51A5-B55A-0C42-9107-F1E070CF35F3}"/>
          </ac:spMkLst>
        </pc:spChg>
        <pc:spChg chg="mod ord">
          <ac:chgData name="Eirik Lian" userId="fd61fa22-a593-499a-9d93-9ab7056758e5" providerId="ADAL" clId="{869DCE16-EEAF-FC4D-89D2-5AB34BB69008}" dt="2021-01-11T12:50:46.186" v="6" actId="700"/>
          <ac:spMkLst>
            <pc:docMk/>
            <pc:sldMk cId="1108042337" sldId="268"/>
            <ac:spMk id="3" creationId="{2A116226-EA90-9E42-A5CE-F0ADFA3007B0}"/>
          </ac:spMkLst>
        </pc:spChg>
        <pc:spChg chg="add mod ord">
          <ac:chgData name="Eirik Lian" userId="fd61fa22-a593-499a-9d93-9ab7056758e5" providerId="ADAL" clId="{869DCE16-EEAF-FC4D-89D2-5AB34BB69008}" dt="2021-01-11T12:50:46.186" v="6" actId="700"/>
          <ac:spMkLst>
            <pc:docMk/>
            <pc:sldMk cId="1108042337" sldId="268"/>
            <ac:spMk id="4" creationId="{470128B0-EF66-664B-806D-99F82F2F4B85}"/>
          </ac:spMkLst>
        </pc:spChg>
        <pc:spChg chg="add mod ord">
          <ac:chgData name="Eirik Lian" userId="fd61fa22-a593-499a-9d93-9ab7056758e5" providerId="ADAL" clId="{869DCE16-EEAF-FC4D-89D2-5AB34BB69008}" dt="2021-01-11T12:50:46.186" v="6" actId="700"/>
          <ac:spMkLst>
            <pc:docMk/>
            <pc:sldMk cId="1108042337" sldId="268"/>
            <ac:spMk id="5" creationId="{D87E4D8A-B607-DD45-BED7-5FFF57FEA53D}"/>
          </ac:spMkLst>
        </pc:spChg>
      </pc:sldChg>
      <pc:sldChg chg="new del">
        <pc:chgData name="Eirik Lian" userId="fd61fa22-a593-499a-9d93-9ab7056758e5" providerId="ADAL" clId="{869DCE16-EEAF-FC4D-89D2-5AB34BB69008}" dt="2021-01-11T12:53:22.132" v="17" actId="2696"/>
        <pc:sldMkLst>
          <pc:docMk/>
          <pc:sldMk cId="1362695250" sldId="269"/>
        </pc:sldMkLst>
      </pc:sldChg>
      <pc:sldChg chg="new del">
        <pc:chgData name="Eirik Lian" userId="fd61fa22-a593-499a-9d93-9ab7056758e5" providerId="ADAL" clId="{869DCE16-EEAF-FC4D-89D2-5AB34BB69008}" dt="2021-01-11T12:52:35.185" v="8" actId="2696"/>
        <pc:sldMkLst>
          <pc:docMk/>
          <pc:sldMk cId="2990486539" sldId="269"/>
        </pc:sldMkLst>
      </pc:sldChg>
      <pc:sldChg chg="addSp delSp modSp new del mod modClrScheme chgLayout">
        <pc:chgData name="Eirik Lian" userId="fd61fa22-a593-499a-9d93-9ab7056758e5" providerId="ADAL" clId="{869DCE16-EEAF-FC4D-89D2-5AB34BB69008}" dt="2021-01-11T12:53:21.380" v="16" actId="2696"/>
        <pc:sldMkLst>
          <pc:docMk/>
          <pc:sldMk cId="1755782613" sldId="270"/>
        </pc:sldMkLst>
        <pc:spChg chg="del mod ord">
          <ac:chgData name="Eirik Lian" userId="fd61fa22-a593-499a-9d93-9ab7056758e5" providerId="ADAL" clId="{869DCE16-EEAF-FC4D-89D2-5AB34BB69008}" dt="2021-01-11T12:53:11.523" v="13" actId="700"/>
          <ac:spMkLst>
            <pc:docMk/>
            <pc:sldMk cId="1755782613" sldId="270"/>
            <ac:spMk id="2" creationId="{9E467892-FB39-5E4F-B0E1-957C38E3097D}"/>
          </ac:spMkLst>
        </pc:spChg>
        <pc:spChg chg="mod ord">
          <ac:chgData name="Eirik Lian" userId="fd61fa22-a593-499a-9d93-9ab7056758e5" providerId="ADAL" clId="{869DCE16-EEAF-FC4D-89D2-5AB34BB69008}" dt="2021-01-11T12:53:11.523" v="13" actId="700"/>
          <ac:spMkLst>
            <pc:docMk/>
            <pc:sldMk cId="1755782613" sldId="270"/>
            <ac:spMk id="3" creationId="{AE2DB83E-199B-1142-AA24-C678C7AE60D4}"/>
          </ac:spMkLst>
        </pc:spChg>
        <pc:spChg chg="del mod ord">
          <ac:chgData name="Eirik Lian" userId="fd61fa22-a593-499a-9d93-9ab7056758e5" providerId="ADAL" clId="{869DCE16-EEAF-FC4D-89D2-5AB34BB69008}" dt="2021-01-11T12:53:11.523" v="13" actId="700"/>
          <ac:spMkLst>
            <pc:docMk/>
            <pc:sldMk cId="1755782613" sldId="270"/>
            <ac:spMk id="4" creationId="{4E047962-CB6D-DC4B-B722-9385AFC48A70}"/>
          </ac:spMkLst>
        </pc:spChg>
        <pc:spChg chg="add mod ord">
          <ac:chgData name="Eirik Lian" userId="fd61fa22-a593-499a-9d93-9ab7056758e5" providerId="ADAL" clId="{869DCE16-EEAF-FC4D-89D2-5AB34BB69008}" dt="2021-01-11T12:53:11.523" v="13" actId="700"/>
          <ac:spMkLst>
            <pc:docMk/>
            <pc:sldMk cId="1755782613" sldId="270"/>
            <ac:spMk id="5" creationId="{EF5FB034-244D-474D-913D-CD99968853DE}"/>
          </ac:spMkLst>
        </pc:spChg>
        <pc:spChg chg="add mod ord">
          <ac:chgData name="Eirik Lian" userId="fd61fa22-a593-499a-9d93-9ab7056758e5" providerId="ADAL" clId="{869DCE16-EEAF-FC4D-89D2-5AB34BB69008}" dt="2021-01-11T12:53:11.523" v="13" actId="700"/>
          <ac:spMkLst>
            <pc:docMk/>
            <pc:sldMk cId="1755782613" sldId="270"/>
            <ac:spMk id="6" creationId="{6A334D95-9670-394F-9F6A-E71DE3A11A34}"/>
          </ac:spMkLst>
        </pc:spChg>
        <pc:spChg chg="add mod ord">
          <ac:chgData name="Eirik Lian" userId="fd61fa22-a593-499a-9d93-9ab7056758e5" providerId="ADAL" clId="{869DCE16-EEAF-FC4D-89D2-5AB34BB69008}" dt="2021-01-11T12:53:11.523" v="13" actId="700"/>
          <ac:spMkLst>
            <pc:docMk/>
            <pc:sldMk cId="1755782613" sldId="270"/>
            <ac:spMk id="7" creationId="{0BB78F5A-DE3C-FD45-B7B5-89523258165A}"/>
          </ac:spMkLst>
        </pc:spChg>
        <pc:spChg chg="add mod ord">
          <ac:chgData name="Eirik Lian" userId="fd61fa22-a593-499a-9d93-9ab7056758e5" providerId="ADAL" clId="{869DCE16-EEAF-FC4D-89D2-5AB34BB69008}" dt="2021-01-11T12:53:11.523" v="13" actId="700"/>
          <ac:spMkLst>
            <pc:docMk/>
            <pc:sldMk cId="1755782613" sldId="270"/>
            <ac:spMk id="8" creationId="{FAC27E76-0F35-144D-AD76-B6A94BA9332F}"/>
          </ac:spMkLst>
        </pc:spChg>
      </pc:sldChg>
      <pc:sldChg chg="addSp delSp modSp del mod modClrScheme chgLayout">
        <pc:chgData name="Eirik Lian" userId="fd61fa22-a593-499a-9d93-9ab7056758e5" providerId="ADAL" clId="{869DCE16-EEAF-FC4D-89D2-5AB34BB69008}" dt="2021-01-22T11:58:25.662" v="81" actId="2696"/>
        <pc:sldMkLst>
          <pc:docMk/>
          <pc:sldMk cId="2302907714" sldId="270"/>
        </pc:sldMkLst>
        <pc:spChg chg="del mod ord">
          <ac:chgData name="Eirik Lian" userId="fd61fa22-a593-499a-9d93-9ab7056758e5" providerId="ADAL" clId="{869DCE16-EEAF-FC4D-89D2-5AB34BB69008}" dt="2021-01-22T11:29:24.887" v="23" actId="700"/>
          <ac:spMkLst>
            <pc:docMk/>
            <pc:sldMk cId="2302907714" sldId="270"/>
            <ac:spMk id="2" creationId="{D8A636F8-BEEE-4A2C-A2A5-1CC0752F7BF8}"/>
          </ac:spMkLst>
        </pc:spChg>
        <pc:spChg chg="del mod ord">
          <ac:chgData name="Eirik Lian" userId="fd61fa22-a593-499a-9d93-9ab7056758e5" providerId="ADAL" clId="{869DCE16-EEAF-FC4D-89D2-5AB34BB69008}" dt="2021-01-22T11:29:24.887" v="23" actId="700"/>
          <ac:spMkLst>
            <pc:docMk/>
            <pc:sldMk cId="2302907714" sldId="270"/>
            <ac:spMk id="3" creationId="{00BC059B-15F9-4852-A577-B554AEB333D9}"/>
          </ac:spMkLst>
        </pc:spChg>
        <pc:spChg chg="del mod ord">
          <ac:chgData name="Eirik Lian" userId="fd61fa22-a593-499a-9d93-9ab7056758e5" providerId="ADAL" clId="{869DCE16-EEAF-FC4D-89D2-5AB34BB69008}" dt="2021-01-22T11:29:24.887" v="23" actId="700"/>
          <ac:spMkLst>
            <pc:docMk/>
            <pc:sldMk cId="2302907714" sldId="270"/>
            <ac:spMk id="4" creationId="{267B8889-D817-4E86-9B8C-CD697238CD0C}"/>
          </ac:spMkLst>
        </pc:spChg>
        <pc:spChg chg="mod ord">
          <ac:chgData name="Eirik Lian" userId="fd61fa22-a593-499a-9d93-9ab7056758e5" providerId="ADAL" clId="{869DCE16-EEAF-FC4D-89D2-5AB34BB69008}" dt="2021-01-22T11:58:10.341" v="78" actId="700"/>
          <ac:spMkLst>
            <pc:docMk/>
            <pc:sldMk cId="2302907714" sldId="270"/>
            <ac:spMk id="5" creationId="{0FD88F16-4C47-4E1C-BF9E-7A6214B8764E}"/>
          </ac:spMkLst>
        </pc:spChg>
        <pc:spChg chg="add del mod ord">
          <ac:chgData name="Eirik Lian" userId="fd61fa22-a593-499a-9d93-9ab7056758e5" providerId="ADAL" clId="{869DCE16-EEAF-FC4D-89D2-5AB34BB69008}" dt="2021-01-22T11:45:56.589" v="68" actId="700"/>
          <ac:spMkLst>
            <pc:docMk/>
            <pc:sldMk cId="2302907714" sldId="270"/>
            <ac:spMk id="6" creationId="{32F069FF-1DFF-FD41-87D8-7487EC6305C1}"/>
          </ac:spMkLst>
        </pc:spChg>
        <pc:spChg chg="add del mod ord">
          <ac:chgData name="Eirik Lian" userId="fd61fa22-a593-499a-9d93-9ab7056758e5" providerId="ADAL" clId="{869DCE16-EEAF-FC4D-89D2-5AB34BB69008}" dt="2021-01-22T11:45:56.589" v="68" actId="700"/>
          <ac:spMkLst>
            <pc:docMk/>
            <pc:sldMk cId="2302907714" sldId="270"/>
            <ac:spMk id="7" creationId="{306CACD9-3095-C041-8FF3-49DEF547CB12}"/>
          </ac:spMkLst>
        </pc:spChg>
        <pc:spChg chg="add del mod ord">
          <ac:chgData name="Eirik Lian" userId="fd61fa22-a593-499a-9d93-9ab7056758e5" providerId="ADAL" clId="{869DCE16-EEAF-FC4D-89D2-5AB34BB69008}" dt="2021-01-22T11:45:56.589" v="68" actId="700"/>
          <ac:spMkLst>
            <pc:docMk/>
            <pc:sldMk cId="2302907714" sldId="270"/>
            <ac:spMk id="8" creationId="{D87D7970-68DE-5149-B79B-E438F5974F30}"/>
          </ac:spMkLst>
        </pc:spChg>
        <pc:spChg chg="add del mod ord">
          <ac:chgData name="Eirik Lian" userId="fd61fa22-a593-499a-9d93-9ab7056758e5" providerId="ADAL" clId="{869DCE16-EEAF-FC4D-89D2-5AB34BB69008}" dt="2021-01-22T11:58:10.341" v="78" actId="700"/>
          <ac:spMkLst>
            <pc:docMk/>
            <pc:sldMk cId="2302907714" sldId="270"/>
            <ac:spMk id="9" creationId="{A26A2131-4684-BA41-8FEC-2DA2E20C53A2}"/>
          </ac:spMkLst>
        </pc:spChg>
        <pc:spChg chg="add del mod ord">
          <ac:chgData name="Eirik Lian" userId="fd61fa22-a593-499a-9d93-9ab7056758e5" providerId="ADAL" clId="{869DCE16-EEAF-FC4D-89D2-5AB34BB69008}" dt="2021-01-22T11:46:10.458" v="69" actId="1032"/>
          <ac:spMkLst>
            <pc:docMk/>
            <pc:sldMk cId="2302907714" sldId="270"/>
            <ac:spMk id="10" creationId="{22665A88-CB18-4C44-B0E0-C0B757585D8C}"/>
          </ac:spMkLst>
        </pc:spChg>
        <pc:spChg chg="add del mod ord">
          <ac:chgData name="Eirik Lian" userId="fd61fa22-a593-499a-9d93-9ab7056758e5" providerId="ADAL" clId="{869DCE16-EEAF-FC4D-89D2-5AB34BB69008}" dt="2021-01-22T11:58:10.341" v="78" actId="700"/>
          <ac:spMkLst>
            <pc:docMk/>
            <pc:sldMk cId="2302907714" sldId="270"/>
            <ac:spMk id="11" creationId="{BB08DFDA-483A-8C49-83E2-2DEE7BD45AF3}"/>
          </ac:spMkLst>
        </pc:spChg>
        <pc:spChg chg="add del mod ord">
          <ac:chgData name="Eirik Lian" userId="fd61fa22-a593-499a-9d93-9ab7056758e5" providerId="ADAL" clId="{869DCE16-EEAF-FC4D-89D2-5AB34BB69008}" dt="2021-01-22T11:58:10.341" v="78" actId="700"/>
          <ac:spMkLst>
            <pc:docMk/>
            <pc:sldMk cId="2302907714" sldId="270"/>
            <ac:spMk id="12" creationId="{FB73BB02-815F-FA48-B69F-064EDFDAEC46}"/>
          </ac:spMkLst>
        </pc:spChg>
        <pc:spChg chg="add del mod ord">
          <ac:chgData name="Eirik Lian" userId="fd61fa22-a593-499a-9d93-9ab7056758e5" providerId="ADAL" clId="{869DCE16-EEAF-FC4D-89D2-5AB34BB69008}" dt="2021-01-22T11:58:10.341" v="78" actId="700"/>
          <ac:spMkLst>
            <pc:docMk/>
            <pc:sldMk cId="2302907714" sldId="270"/>
            <ac:spMk id="13" creationId="{8EA4A838-3EE0-E842-88D6-AD7DBB50F2C9}"/>
          </ac:spMkLst>
        </pc:spChg>
        <pc:spChg chg="add mod ord">
          <ac:chgData name="Eirik Lian" userId="fd61fa22-a593-499a-9d93-9ab7056758e5" providerId="ADAL" clId="{869DCE16-EEAF-FC4D-89D2-5AB34BB69008}" dt="2021-01-22T11:58:10.341" v="78" actId="700"/>
          <ac:spMkLst>
            <pc:docMk/>
            <pc:sldMk cId="2302907714" sldId="270"/>
            <ac:spMk id="15" creationId="{6E4AE637-00A5-B340-9FAF-BA234EFF3BF6}"/>
          </ac:spMkLst>
        </pc:spChg>
        <pc:spChg chg="add mod ord">
          <ac:chgData name="Eirik Lian" userId="fd61fa22-a593-499a-9d93-9ab7056758e5" providerId="ADAL" clId="{869DCE16-EEAF-FC4D-89D2-5AB34BB69008}" dt="2021-01-22T11:58:10.341" v="78" actId="700"/>
          <ac:spMkLst>
            <pc:docMk/>
            <pc:sldMk cId="2302907714" sldId="270"/>
            <ac:spMk id="16" creationId="{0FCB2B1C-DA9D-A44B-BA88-CA2D19AF73DC}"/>
          </ac:spMkLst>
        </pc:spChg>
        <pc:graphicFrameChg chg="add mod ord modGraphic">
          <ac:chgData name="Eirik Lian" userId="fd61fa22-a593-499a-9d93-9ab7056758e5" providerId="ADAL" clId="{869DCE16-EEAF-FC4D-89D2-5AB34BB69008}" dt="2021-01-22T11:58:12.703" v="79" actId="478"/>
          <ac:graphicFrameMkLst>
            <pc:docMk/>
            <pc:sldMk cId="2302907714" sldId="270"/>
            <ac:graphicFrameMk id="14" creationId="{D92FDCF5-6CA1-D943-A8F1-62FC91C6DA13}"/>
          </ac:graphicFrameMkLst>
        </pc:graphicFrameChg>
      </pc:sldChg>
      <pc:sldChg chg="new del">
        <pc:chgData name="Eirik Lian" userId="fd61fa22-a593-499a-9d93-9ab7056758e5" providerId="ADAL" clId="{869DCE16-EEAF-FC4D-89D2-5AB34BB69008}" dt="2021-01-11T12:53:20.242" v="15" actId="2696"/>
        <pc:sldMkLst>
          <pc:docMk/>
          <pc:sldMk cId="4215140622" sldId="271"/>
        </pc:sldMkLst>
      </pc:sldChg>
      <pc:sldChg chg="addSp delSp modSp new del mod modClrScheme chgLayout">
        <pc:chgData name="Eirik Lian" userId="fd61fa22-a593-499a-9d93-9ab7056758e5" providerId="ADAL" clId="{869DCE16-EEAF-FC4D-89D2-5AB34BB69008}" dt="2021-01-22T11:58:05.560" v="77" actId="2696"/>
        <pc:sldMkLst>
          <pc:docMk/>
          <pc:sldMk cId="753646847" sldId="272"/>
        </pc:sldMkLst>
        <pc:spChg chg="del mod ord">
          <ac:chgData name="Eirik Lian" userId="fd61fa22-a593-499a-9d93-9ab7056758e5" providerId="ADAL" clId="{869DCE16-EEAF-FC4D-89D2-5AB34BB69008}" dt="2021-01-22T11:30:30.208" v="25" actId="700"/>
          <ac:spMkLst>
            <pc:docMk/>
            <pc:sldMk cId="753646847" sldId="272"/>
            <ac:spMk id="2" creationId="{2B2DCE48-F7DC-6D42-8EF4-5B6B28F69AFA}"/>
          </ac:spMkLst>
        </pc:spChg>
        <pc:spChg chg="del mod ord">
          <ac:chgData name="Eirik Lian" userId="fd61fa22-a593-499a-9d93-9ab7056758e5" providerId="ADAL" clId="{869DCE16-EEAF-FC4D-89D2-5AB34BB69008}" dt="2021-01-22T11:30:30.208" v="25" actId="700"/>
          <ac:spMkLst>
            <pc:docMk/>
            <pc:sldMk cId="753646847" sldId="272"/>
            <ac:spMk id="3" creationId="{1912C867-D5CF-BB46-B05D-318DAFBDDA6E}"/>
          </ac:spMkLst>
        </pc:spChg>
        <pc:spChg chg="del mod ord">
          <ac:chgData name="Eirik Lian" userId="fd61fa22-a593-499a-9d93-9ab7056758e5" providerId="ADAL" clId="{869DCE16-EEAF-FC4D-89D2-5AB34BB69008}" dt="2021-01-22T11:30:30.208" v="25" actId="700"/>
          <ac:spMkLst>
            <pc:docMk/>
            <pc:sldMk cId="753646847" sldId="272"/>
            <ac:spMk id="4" creationId="{5E856141-C919-B543-B8E5-D9AAC12159A9}"/>
          </ac:spMkLst>
        </pc:spChg>
        <pc:spChg chg="mod ord">
          <ac:chgData name="Eirik Lian" userId="fd61fa22-a593-499a-9d93-9ab7056758e5" providerId="ADAL" clId="{869DCE16-EEAF-FC4D-89D2-5AB34BB69008}" dt="2021-01-22T11:35:16.868" v="56" actId="700"/>
          <ac:spMkLst>
            <pc:docMk/>
            <pc:sldMk cId="753646847" sldId="272"/>
            <ac:spMk id="5" creationId="{B1602D83-7978-AA42-A289-B75F00C5599F}"/>
          </ac:spMkLst>
        </pc:spChg>
        <pc:spChg chg="add mod ord">
          <ac:chgData name="Eirik Lian" userId="fd61fa22-a593-499a-9d93-9ab7056758e5" providerId="ADAL" clId="{869DCE16-EEAF-FC4D-89D2-5AB34BB69008}" dt="2021-01-22T11:35:16.868" v="56" actId="700"/>
          <ac:spMkLst>
            <pc:docMk/>
            <pc:sldMk cId="753646847" sldId="272"/>
            <ac:spMk id="6" creationId="{D33DAF42-AEC9-A54B-ABAA-487F5C16A659}"/>
          </ac:spMkLst>
        </pc:spChg>
        <pc:spChg chg="add mod ord">
          <ac:chgData name="Eirik Lian" userId="fd61fa22-a593-499a-9d93-9ab7056758e5" providerId="ADAL" clId="{869DCE16-EEAF-FC4D-89D2-5AB34BB69008}" dt="2021-01-22T11:35:54.314" v="62" actId="20577"/>
          <ac:spMkLst>
            <pc:docMk/>
            <pc:sldMk cId="753646847" sldId="272"/>
            <ac:spMk id="7" creationId="{8C931001-D222-064A-BC1E-9FE5479E84A2}"/>
          </ac:spMkLst>
        </pc:spChg>
        <pc:spChg chg="add mod ord">
          <ac:chgData name="Eirik Lian" userId="fd61fa22-a593-499a-9d93-9ab7056758e5" providerId="ADAL" clId="{869DCE16-EEAF-FC4D-89D2-5AB34BB69008}" dt="2021-01-22T11:35:58.310" v="66" actId="20577"/>
          <ac:spMkLst>
            <pc:docMk/>
            <pc:sldMk cId="753646847" sldId="272"/>
            <ac:spMk id="8" creationId="{8659ABC0-7B28-7A40-A27D-35D10260D9AB}"/>
          </ac:spMkLst>
        </pc:spChg>
        <pc:spChg chg="add del mod ord">
          <ac:chgData name="Eirik Lian" userId="fd61fa22-a593-499a-9d93-9ab7056758e5" providerId="ADAL" clId="{869DCE16-EEAF-FC4D-89D2-5AB34BB69008}" dt="2021-01-22T11:34:42.266" v="51" actId="700"/>
          <ac:spMkLst>
            <pc:docMk/>
            <pc:sldMk cId="753646847" sldId="272"/>
            <ac:spMk id="9" creationId="{E7BA01D6-5324-5B4D-9E97-A19DD9B55AED}"/>
          </ac:spMkLst>
        </pc:spChg>
        <pc:spChg chg="add del mod ord">
          <ac:chgData name="Eirik Lian" userId="fd61fa22-a593-499a-9d93-9ab7056758e5" providerId="ADAL" clId="{869DCE16-EEAF-FC4D-89D2-5AB34BB69008}" dt="2021-01-22T11:34:42.266" v="51" actId="700"/>
          <ac:spMkLst>
            <pc:docMk/>
            <pc:sldMk cId="753646847" sldId="272"/>
            <ac:spMk id="10" creationId="{90C674F6-3731-1040-8DCC-0860210BCF78}"/>
          </ac:spMkLst>
        </pc:spChg>
        <pc:spChg chg="add del mod ord">
          <ac:chgData name="Eirik Lian" userId="fd61fa22-a593-499a-9d93-9ab7056758e5" providerId="ADAL" clId="{869DCE16-EEAF-FC4D-89D2-5AB34BB69008}" dt="2021-01-22T11:34:42.266" v="51" actId="700"/>
          <ac:spMkLst>
            <pc:docMk/>
            <pc:sldMk cId="753646847" sldId="272"/>
            <ac:spMk id="11" creationId="{C156A8C2-BEC0-FA44-83F8-AB70EA17EDBB}"/>
          </ac:spMkLst>
        </pc:spChg>
        <pc:spChg chg="add del mod ord">
          <ac:chgData name="Eirik Lian" userId="fd61fa22-a593-499a-9d93-9ab7056758e5" providerId="ADAL" clId="{869DCE16-EEAF-FC4D-89D2-5AB34BB69008}" dt="2021-01-22T11:34:42.266" v="51" actId="700"/>
          <ac:spMkLst>
            <pc:docMk/>
            <pc:sldMk cId="753646847" sldId="272"/>
            <ac:spMk id="12" creationId="{05B90840-01A2-254C-87E3-0AAF8DFEE96E}"/>
          </ac:spMkLst>
        </pc:spChg>
        <pc:spChg chg="add del mod ord">
          <ac:chgData name="Eirik Lian" userId="fd61fa22-a593-499a-9d93-9ab7056758e5" providerId="ADAL" clId="{869DCE16-EEAF-FC4D-89D2-5AB34BB69008}" dt="2021-01-22T11:34:42.266" v="51" actId="700"/>
          <ac:spMkLst>
            <pc:docMk/>
            <pc:sldMk cId="753646847" sldId="272"/>
            <ac:spMk id="13" creationId="{065E52F2-5705-7D45-8B25-E3CF53CDEF92}"/>
          </ac:spMkLst>
        </pc:spChg>
        <pc:spChg chg="add del mod ord">
          <ac:chgData name="Eirik Lian" userId="fd61fa22-a593-499a-9d93-9ab7056758e5" providerId="ADAL" clId="{869DCE16-EEAF-FC4D-89D2-5AB34BB69008}" dt="2021-01-22T11:34:42.266" v="51" actId="700"/>
          <ac:spMkLst>
            <pc:docMk/>
            <pc:sldMk cId="753646847" sldId="272"/>
            <ac:spMk id="14" creationId="{3AEE4818-D674-DB4E-B69D-F1879A5AD915}"/>
          </ac:spMkLst>
        </pc:spChg>
        <pc:spChg chg="add del mod ord">
          <ac:chgData name="Eirik Lian" userId="fd61fa22-a593-499a-9d93-9ab7056758e5" providerId="ADAL" clId="{869DCE16-EEAF-FC4D-89D2-5AB34BB69008}" dt="2021-01-22T11:34:42.266" v="51" actId="700"/>
          <ac:spMkLst>
            <pc:docMk/>
            <pc:sldMk cId="753646847" sldId="272"/>
            <ac:spMk id="15" creationId="{857A6616-8968-0E4B-B0EB-CA8F42BFFB8C}"/>
          </ac:spMkLst>
        </pc:spChg>
        <pc:spChg chg="add del mod ord">
          <ac:chgData name="Eirik Lian" userId="fd61fa22-a593-499a-9d93-9ab7056758e5" providerId="ADAL" clId="{869DCE16-EEAF-FC4D-89D2-5AB34BB69008}" dt="2021-01-22T11:34:42.266" v="51" actId="700"/>
          <ac:spMkLst>
            <pc:docMk/>
            <pc:sldMk cId="753646847" sldId="272"/>
            <ac:spMk id="16" creationId="{3C991526-3756-E043-BF30-508A14156B61}"/>
          </ac:spMkLst>
        </pc:spChg>
        <pc:spChg chg="add del mod ord">
          <ac:chgData name="Eirik Lian" userId="fd61fa22-a593-499a-9d93-9ab7056758e5" providerId="ADAL" clId="{869DCE16-EEAF-FC4D-89D2-5AB34BB69008}" dt="2021-01-22T11:34:42.266" v="51" actId="700"/>
          <ac:spMkLst>
            <pc:docMk/>
            <pc:sldMk cId="753646847" sldId="272"/>
            <ac:spMk id="17" creationId="{B1FEF860-A956-1347-AAE3-02213675D6F6}"/>
          </ac:spMkLst>
        </pc:spChg>
        <pc:spChg chg="add del mod ord">
          <ac:chgData name="Eirik Lian" userId="fd61fa22-a593-499a-9d93-9ab7056758e5" providerId="ADAL" clId="{869DCE16-EEAF-FC4D-89D2-5AB34BB69008}" dt="2021-01-22T11:34:42.266" v="51" actId="700"/>
          <ac:spMkLst>
            <pc:docMk/>
            <pc:sldMk cId="753646847" sldId="272"/>
            <ac:spMk id="18" creationId="{DF09CC41-DA95-9240-A6A2-BE292F14E821}"/>
          </ac:spMkLst>
        </pc:spChg>
        <pc:spChg chg="add del mod ord">
          <ac:chgData name="Eirik Lian" userId="fd61fa22-a593-499a-9d93-9ab7056758e5" providerId="ADAL" clId="{869DCE16-EEAF-FC4D-89D2-5AB34BB69008}" dt="2021-01-22T11:34:42.266" v="51" actId="700"/>
          <ac:spMkLst>
            <pc:docMk/>
            <pc:sldMk cId="753646847" sldId="272"/>
            <ac:spMk id="19" creationId="{6EC4804E-74A2-924F-980A-112AA4113C31}"/>
          </ac:spMkLst>
        </pc:spChg>
        <pc:spChg chg="add del mod ord">
          <ac:chgData name="Eirik Lian" userId="fd61fa22-a593-499a-9d93-9ab7056758e5" providerId="ADAL" clId="{869DCE16-EEAF-FC4D-89D2-5AB34BB69008}" dt="2021-01-22T11:35:16.868" v="56" actId="700"/>
          <ac:spMkLst>
            <pc:docMk/>
            <pc:sldMk cId="753646847" sldId="272"/>
            <ac:spMk id="20" creationId="{8BDA9FA5-A8EF-7A4A-8CEB-3E937A8021DD}"/>
          </ac:spMkLst>
        </pc:spChg>
        <pc:spChg chg="add del mod ord">
          <ac:chgData name="Eirik Lian" userId="fd61fa22-a593-499a-9d93-9ab7056758e5" providerId="ADAL" clId="{869DCE16-EEAF-FC4D-89D2-5AB34BB69008}" dt="2021-01-22T11:35:16.868" v="56" actId="700"/>
          <ac:spMkLst>
            <pc:docMk/>
            <pc:sldMk cId="753646847" sldId="272"/>
            <ac:spMk id="21" creationId="{43B985BC-8862-414A-BECD-8CC93FDF3131}"/>
          </ac:spMkLst>
        </pc:spChg>
        <pc:spChg chg="add del mod ord">
          <ac:chgData name="Eirik Lian" userId="fd61fa22-a593-499a-9d93-9ab7056758e5" providerId="ADAL" clId="{869DCE16-EEAF-FC4D-89D2-5AB34BB69008}" dt="2021-01-22T11:35:16.868" v="56" actId="700"/>
          <ac:spMkLst>
            <pc:docMk/>
            <pc:sldMk cId="753646847" sldId="272"/>
            <ac:spMk id="22" creationId="{151CB195-2604-BD43-B6BE-AEAD21616864}"/>
          </ac:spMkLst>
        </pc:spChg>
        <pc:spChg chg="add del mod ord">
          <ac:chgData name="Eirik Lian" userId="fd61fa22-a593-499a-9d93-9ab7056758e5" providerId="ADAL" clId="{869DCE16-EEAF-FC4D-89D2-5AB34BB69008}" dt="2021-01-22T11:35:16.868" v="56" actId="700"/>
          <ac:spMkLst>
            <pc:docMk/>
            <pc:sldMk cId="753646847" sldId="272"/>
            <ac:spMk id="23" creationId="{63EA7901-301E-A24C-9C89-4E107047376E}"/>
          </ac:spMkLst>
        </pc:spChg>
        <pc:spChg chg="add del mod ord">
          <ac:chgData name="Eirik Lian" userId="fd61fa22-a593-499a-9d93-9ab7056758e5" providerId="ADAL" clId="{869DCE16-EEAF-FC4D-89D2-5AB34BB69008}" dt="2021-01-22T11:35:16.868" v="56" actId="700"/>
          <ac:spMkLst>
            <pc:docMk/>
            <pc:sldMk cId="753646847" sldId="272"/>
            <ac:spMk id="24" creationId="{053AE2E4-CB37-474A-B56F-A81048664591}"/>
          </ac:spMkLst>
        </pc:spChg>
        <pc:spChg chg="add del mod ord">
          <ac:chgData name="Eirik Lian" userId="fd61fa22-a593-499a-9d93-9ab7056758e5" providerId="ADAL" clId="{869DCE16-EEAF-FC4D-89D2-5AB34BB69008}" dt="2021-01-22T11:35:16.868" v="56" actId="700"/>
          <ac:spMkLst>
            <pc:docMk/>
            <pc:sldMk cId="753646847" sldId="272"/>
            <ac:spMk id="25" creationId="{1CA87A1E-9845-A241-9365-B9FB72FCEB2A}"/>
          </ac:spMkLst>
        </pc:spChg>
        <pc:spChg chg="add del mod ord">
          <ac:chgData name="Eirik Lian" userId="fd61fa22-a593-499a-9d93-9ab7056758e5" providerId="ADAL" clId="{869DCE16-EEAF-FC4D-89D2-5AB34BB69008}" dt="2021-01-22T11:35:16.868" v="56" actId="700"/>
          <ac:spMkLst>
            <pc:docMk/>
            <pc:sldMk cId="753646847" sldId="272"/>
            <ac:spMk id="26" creationId="{06B9438C-FCEE-6947-B12E-0E81439728AC}"/>
          </ac:spMkLst>
        </pc:spChg>
        <pc:spChg chg="add del mod ord">
          <ac:chgData name="Eirik Lian" userId="fd61fa22-a593-499a-9d93-9ab7056758e5" providerId="ADAL" clId="{869DCE16-EEAF-FC4D-89D2-5AB34BB69008}" dt="2021-01-22T11:35:16.868" v="56" actId="700"/>
          <ac:spMkLst>
            <pc:docMk/>
            <pc:sldMk cId="753646847" sldId="272"/>
            <ac:spMk id="27" creationId="{B660324C-5521-564C-A72C-89A228C79DAD}"/>
          </ac:spMkLst>
        </pc:spChg>
        <pc:spChg chg="add del mod ord">
          <ac:chgData name="Eirik Lian" userId="fd61fa22-a593-499a-9d93-9ab7056758e5" providerId="ADAL" clId="{869DCE16-EEAF-FC4D-89D2-5AB34BB69008}" dt="2021-01-22T11:35:16.868" v="56" actId="700"/>
          <ac:spMkLst>
            <pc:docMk/>
            <pc:sldMk cId="753646847" sldId="272"/>
            <ac:spMk id="28" creationId="{C09875D8-10F2-C046-AD4D-EC14AACE4273}"/>
          </ac:spMkLst>
        </pc:spChg>
        <pc:spChg chg="add del mod ord">
          <ac:chgData name="Eirik Lian" userId="fd61fa22-a593-499a-9d93-9ab7056758e5" providerId="ADAL" clId="{869DCE16-EEAF-FC4D-89D2-5AB34BB69008}" dt="2021-01-22T11:35:16.868" v="56" actId="700"/>
          <ac:spMkLst>
            <pc:docMk/>
            <pc:sldMk cId="753646847" sldId="272"/>
            <ac:spMk id="29" creationId="{2C490A11-9CA9-C544-8601-5AF12280C483}"/>
          </ac:spMkLst>
        </pc:spChg>
        <pc:spChg chg="add del mod ord">
          <ac:chgData name="Eirik Lian" userId="fd61fa22-a593-499a-9d93-9ab7056758e5" providerId="ADAL" clId="{869DCE16-EEAF-FC4D-89D2-5AB34BB69008}" dt="2021-01-22T11:35:16.868" v="56" actId="700"/>
          <ac:spMkLst>
            <pc:docMk/>
            <pc:sldMk cId="753646847" sldId="272"/>
            <ac:spMk id="30" creationId="{A5362AC6-76F7-2542-8A6A-A9FCC0F1E11B}"/>
          </ac:spMkLst>
        </pc:spChg>
        <pc:spChg chg="add mod ord">
          <ac:chgData name="Eirik Lian" userId="fd61fa22-a593-499a-9d93-9ab7056758e5" providerId="ADAL" clId="{869DCE16-EEAF-FC4D-89D2-5AB34BB69008}" dt="2021-01-22T11:36:26.137" v="67" actId="207"/>
          <ac:spMkLst>
            <pc:docMk/>
            <pc:sldMk cId="753646847" sldId="272"/>
            <ac:spMk id="31" creationId="{4C4B4419-85A2-304F-8DF5-2A8182C952A9}"/>
          </ac:spMkLst>
        </pc:spChg>
        <pc:spChg chg="add mod ord">
          <ac:chgData name="Eirik Lian" userId="fd61fa22-a593-499a-9d93-9ab7056758e5" providerId="ADAL" clId="{869DCE16-EEAF-FC4D-89D2-5AB34BB69008}" dt="2021-01-22T11:35:16.868" v="56" actId="700"/>
          <ac:spMkLst>
            <pc:docMk/>
            <pc:sldMk cId="753646847" sldId="272"/>
            <ac:spMk id="32" creationId="{17B21D84-1890-694C-8340-D02B48C7ED6C}"/>
          </ac:spMkLst>
        </pc:spChg>
        <pc:spChg chg="add mod ord">
          <ac:chgData name="Eirik Lian" userId="fd61fa22-a593-499a-9d93-9ab7056758e5" providerId="ADAL" clId="{869DCE16-EEAF-FC4D-89D2-5AB34BB69008}" dt="2021-01-22T11:35:33.820" v="57" actId="207"/>
          <ac:spMkLst>
            <pc:docMk/>
            <pc:sldMk cId="753646847" sldId="272"/>
            <ac:spMk id="33" creationId="{246FB6E1-A697-5F49-A1CF-0A4E41E74BC2}"/>
          </ac:spMkLst>
        </pc:spChg>
        <pc:spChg chg="add mod ord">
          <ac:chgData name="Eirik Lian" userId="fd61fa22-a593-499a-9d93-9ab7056758e5" providerId="ADAL" clId="{869DCE16-EEAF-FC4D-89D2-5AB34BB69008}" dt="2021-01-22T11:35:16.868" v="56" actId="700"/>
          <ac:spMkLst>
            <pc:docMk/>
            <pc:sldMk cId="753646847" sldId="272"/>
            <ac:spMk id="34" creationId="{1E772EDA-2342-9448-825C-9419FD2ECC15}"/>
          </ac:spMkLst>
        </pc:spChg>
        <pc:spChg chg="add mod ord">
          <ac:chgData name="Eirik Lian" userId="fd61fa22-a593-499a-9d93-9ab7056758e5" providerId="ADAL" clId="{869DCE16-EEAF-FC4D-89D2-5AB34BB69008}" dt="2021-01-22T11:35:16.868" v="56" actId="700"/>
          <ac:spMkLst>
            <pc:docMk/>
            <pc:sldMk cId="753646847" sldId="272"/>
            <ac:spMk id="35" creationId="{8D4946ED-2BFC-844E-8E36-81FCB2A422D6}"/>
          </ac:spMkLst>
        </pc:spChg>
        <pc:spChg chg="add mod ord">
          <ac:chgData name="Eirik Lian" userId="fd61fa22-a593-499a-9d93-9ab7056758e5" providerId="ADAL" clId="{869DCE16-EEAF-FC4D-89D2-5AB34BB69008}" dt="2021-01-22T11:35:16.868" v="56" actId="700"/>
          <ac:spMkLst>
            <pc:docMk/>
            <pc:sldMk cId="753646847" sldId="272"/>
            <ac:spMk id="36" creationId="{9845691E-A4CD-3B48-9119-C3CCE180601A}"/>
          </ac:spMkLst>
        </pc:spChg>
        <pc:spChg chg="add mod ord">
          <ac:chgData name="Eirik Lian" userId="fd61fa22-a593-499a-9d93-9ab7056758e5" providerId="ADAL" clId="{869DCE16-EEAF-FC4D-89D2-5AB34BB69008}" dt="2021-01-22T11:35:16.868" v="56" actId="700"/>
          <ac:spMkLst>
            <pc:docMk/>
            <pc:sldMk cId="753646847" sldId="272"/>
            <ac:spMk id="37" creationId="{CD85A191-6AE7-AF49-A410-09E9ACF0BEC6}"/>
          </ac:spMkLst>
        </pc:spChg>
        <pc:spChg chg="add mod ord">
          <ac:chgData name="Eirik Lian" userId="fd61fa22-a593-499a-9d93-9ab7056758e5" providerId="ADAL" clId="{869DCE16-EEAF-FC4D-89D2-5AB34BB69008}" dt="2021-01-22T11:35:16.868" v="56" actId="700"/>
          <ac:spMkLst>
            <pc:docMk/>
            <pc:sldMk cId="753646847" sldId="272"/>
            <ac:spMk id="38" creationId="{B6851683-B19F-5940-AEE9-7BAB08A18845}"/>
          </ac:spMkLst>
        </pc:spChg>
        <pc:spChg chg="add mod ord">
          <ac:chgData name="Eirik Lian" userId="fd61fa22-a593-499a-9d93-9ab7056758e5" providerId="ADAL" clId="{869DCE16-EEAF-FC4D-89D2-5AB34BB69008}" dt="2021-01-22T11:35:16.868" v="56" actId="700"/>
          <ac:spMkLst>
            <pc:docMk/>
            <pc:sldMk cId="753646847" sldId="272"/>
            <ac:spMk id="39" creationId="{C574E1C6-CA47-ED48-81AE-E26D9442A5D2}"/>
          </ac:spMkLst>
        </pc:spChg>
        <pc:spChg chg="add mod ord">
          <ac:chgData name="Eirik Lian" userId="fd61fa22-a593-499a-9d93-9ab7056758e5" providerId="ADAL" clId="{869DCE16-EEAF-FC4D-89D2-5AB34BB69008}" dt="2021-01-22T11:35:16.868" v="56" actId="700"/>
          <ac:spMkLst>
            <pc:docMk/>
            <pc:sldMk cId="753646847" sldId="272"/>
            <ac:spMk id="40" creationId="{875E9266-5FE2-5349-8497-89607713B258}"/>
          </ac:spMkLst>
        </pc:spChg>
        <pc:spChg chg="add mod ord">
          <ac:chgData name="Eirik Lian" userId="fd61fa22-a593-499a-9d93-9ab7056758e5" providerId="ADAL" clId="{869DCE16-EEAF-FC4D-89D2-5AB34BB69008}" dt="2021-01-22T11:35:16.868" v="56" actId="700"/>
          <ac:spMkLst>
            <pc:docMk/>
            <pc:sldMk cId="753646847" sldId="272"/>
            <ac:spMk id="41" creationId="{CF635352-50C4-004A-B711-91911C7FBFFE}"/>
          </ac:spMkLst>
        </pc:spChg>
        <pc:spChg chg="add mod ord">
          <ac:chgData name="Eirik Lian" userId="fd61fa22-a593-499a-9d93-9ab7056758e5" providerId="ADAL" clId="{869DCE16-EEAF-FC4D-89D2-5AB34BB69008}" dt="2021-01-22T11:35:16.868" v="56" actId="700"/>
          <ac:spMkLst>
            <pc:docMk/>
            <pc:sldMk cId="753646847" sldId="272"/>
            <ac:spMk id="42" creationId="{816C04CB-544D-3847-999F-3A2EC2916922}"/>
          </ac:spMkLst>
        </pc:spChg>
      </pc:sldChg>
      <pc:sldChg chg="new">
        <pc:chgData name="Eirik Lian" userId="fd61fa22-a593-499a-9d93-9ab7056758e5" providerId="ADAL" clId="{869DCE16-EEAF-FC4D-89D2-5AB34BB69008}" dt="2021-01-22T11:58:23.520" v="80" actId="680"/>
        <pc:sldMkLst>
          <pc:docMk/>
          <pc:sldMk cId="3619548704" sldId="272"/>
        </pc:sldMkLst>
      </pc:sldChg>
      <pc:sldChg chg="delSp modSp new del mod">
        <pc:chgData name="Eirik Lian" userId="fd61fa22-a593-499a-9d93-9ab7056758e5" providerId="ADAL" clId="{869DCE16-EEAF-FC4D-89D2-5AB34BB69008}" dt="2021-01-13T11:24:24.086" v="22" actId="2696"/>
        <pc:sldMkLst>
          <pc:docMk/>
          <pc:sldMk cId="4284595354" sldId="272"/>
        </pc:sldMkLst>
        <pc:spChg chg="del mod">
          <ac:chgData name="Eirik Lian" userId="fd61fa22-a593-499a-9d93-9ab7056758e5" providerId="ADAL" clId="{869DCE16-EEAF-FC4D-89D2-5AB34BB69008}" dt="2021-01-13T10:21:42.441" v="20" actId="478"/>
          <ac:spMkLst>
            <pc:docMk/>
            <pc:sldMk cId="4284595354" sldId="272"/>
            <ac:spMk id="4" creationId="{11D2CE4B-222A-8B49-842D-4E49C7108E4A}"/>
          </ac:spMkLst>
        </pc:spChg>
        <pc:spChg chg="mod">
          <ac:chgData name="Eirik Lian" userId="fd61fa22-a593-499a-9d93-9ab7056758e5" providerId="ADAL" clId="{869DCE16-EEAF-FC4D-89D2-5AB34BB69008}" dt="2021-01-13T10:21:48.358" v="21" actId="207"/>
          <ac:spMkLst>
            <pc:docMk/>
            <pc:sldMk cId="4284595354" sldId="272"/>
            <ac:spMk id="5" creationId="{0FE6D7C4-5691-434B-BE53-C4D99D328AE1}"/>
          </ac:spMkLst>
        </pc:spChg>
      </pc:sldChg>
    </pc:docChg>
  </pc:docChgLst>
  <pc:docChgLst>
    <pc:chgData name="Vetle Nevland" userId="e8351a88428b982e" providerId="Windows Live" clId="Web-{98693E5B-711F-4D49-A377-585833DF92EE}"/>
    <pc:docChg chg="addSld delSld modSld">
      <pc:chgData name="Vetle Nevland" userId="e8351a88428b982e" providerId="Windows Live" clId="Web-{98693E5B-711F-4D49-A377-585833DF92EE}" dt="2022-07-04T19:34:06.296" v="100"/>
      <pc:docMkLst>
        <pc:docMk/>
      </pc:docMkLst>
      <pc:sldChg chg="modNotes">
        <pc:chgData name="Vetle Nevland" userId="e8351a88428b982e" providerId="Windows Live" clId="Web-{98693E5B-711F-4D49-A377-585833DF92EE}" dt="2022-07-04T19:34:06.296" v="100"/>
        <pc:sldMkLst>
          <pc:docMk/>
          <pc:sldMk cId="1517011920" sldId="276"/>
        </pc:sldMkLst>
      </pc:sldChg>
      <pc:sldChg chg="modNotes">
        <pc:chgData name="Vetle Nevland" userId="e8351a88428b982e" providerId="Windows Live" clId="Web-{98693E5B-711F-4D49-A377-585833DF92EE}" dt="2022-07-04T18:34:59.046" v="34"/>
        <pc:sldMkLst>
          <pc:docMk/>
          <pc:sldMk cId="263792605" sldId="277"/>
        </pc:sldMkLst>
      </pc:sldChg>
      <pc:sldChg chg="modNotes">
        <pc:chgData name="Vetle Nevland" userId="e8351a88428b982e" providerId="Windows Live" clId="Web-{98693E5B-711F-4D49-A377-585833DF92EE}" dt="2022-07-04T19:30:39.665" v="72"/>
        <pc:sldMkLst>
          <pc:docMk/>
          <pc:sldMk cId="3877186036" sldId="292"/>
        </pc:sldMkLst>
      </pc:sldChg>
      <pc:sldChg chg="new del">
        <pc:chgData name="Vetle Nevland" userId="e8351a88428b982e" providerId="Windows Live" clId="Web-{98693E5B-711F-4D49-A377-585833DF92EE}" dt="2022-07-04T18:22:57.091" v="1"/>
        <pc:sldMkLst>
          <pc:docMk/>
          <pc:sldMk cId="1256188044" sldId="294"/>
        </pc:sldMkLst>
      </pc:sldChg>
    </pc:docChg>
  </pc:docChgLst>
  <pc:docChgLst>
    <pc:chgData name="Jonas Bratseth" userId="7880613d-1198-4bca-afa6-2725a9958330" providerId="ADAL" clId="{C5F6A8B2-8015-4AF9-8F9A-EBFE2882138B}"/>
    <pc:docChg chg="undo redo custSel addSld delSld modSld delMainMaster modMainMaster">
      <pc:chgData name="Jonas Bratseth" userId="7880613d-1198-4bca-afa6-2725a9958330" providerId="ADAL" clId="{C5F6A8B2-8015-4AF9-8F9A-EBFE2882138B}" dt="2022-05-10T06:31:47.507" v="1165"/>
      <pc:docMkLst>
        <pc:docMk/>
      </pc:docMkLst>
      <pc:sldChg chg="addSp delSp modSp del mod">
        <pc:chgData name="Jonas Bratseth" userId="7880613d-1198-4bca-afa6-2725a9958330" providerId="ADAL" clId="{C5F6A8B2-8015-4AF9-8F9A-EBFE2882138B}" dt="2022-05-09T09:07:08.325" v="1022" actId="47"/>
        <pc:sldMkLst>
          <pc:docMk/>
          <pc:sldMk cId="1108042337" sldId="268"/>
        </pc:sldMkLst>
        <pc:spChg chg="add mod">
          <ac:chgData name="Jonas Bratseth" userId="7880613d-1198-4bca-afa6-2725a9958330" providerId="ADAL" clId="{C5F6A8B2-8015-4AF9-8F9A-EBFE2882138B}" dt="2022-05-09T08:17:23.258" v="376"/>
          <ac:spMkLst>
            <pc:docMk/>
            <pc:sldMk cId="1108042337" sldId="268"/>
            <ac:spMk id="2" creationId="{5704A47A-97B0-C51A-5D6F-1E65D1C02569}"/>
          </ac:spMkLst>
        </pc:spChg>
        <pc:spChg chg="del mod">
          <ac:chgData name="Jonas Bratseth" userId="7880613d-1198-4bca-afa6-2725a9958330" providerId="ADAL" clId="{C5F6A8B2-8015-4AF9-8F9A-EBFE2882138B}" dt="2022-05-09T08:54:39.645" v="882" actId="478"/>
          <ac:spMkLst>
            <pc:docMk/>
            <pc:sldMk cId="1108042337" sldId="268"/>
            <ac:spMk id="3" creationId="{2A116226-EA90-9E42-A5CE-F0ADFA3007B0}"/>
          </ac:spMkLst>
        </pc:spChg>
        <pc:spChg chg="del">
          <ac:chgData name="Jonas Bratseth" userId="7880613d-1198-4bca-afa6-2725a9958330" providerId="ADAL" clId="{C5F6A8B2-8015-4AF9-8F9A-EBFE2882138B}" dt="2022-05-09T08:17:23.258" v="376"/>
          <ac:spMkLst>
            <pc:docMk/>
            <pc:sldMk cId="1108042337" sldId="268"/>
            <ac:spMk id="4" creationId="{470128B0-EF66-664B-806D-99F82F2F4B85}"/>
          </ac:spMkLst>
        </pc:spChg>
        <pc:spChg chg="del">
          <ac:chgData name="Jonas Bratseth" userId="7880613d-1198-4bca-afa6-2725a9958330" providerId="ADAL" clId="{C5F6A8B2-8015-4AF9-8F9A-EBFE2882138B}" dt="2022-05-09T08:17:23.258" v="376"/>
          <ac:spMkLst>
            <pc:docMk/>
            <pc:sldMk cId="1108042337" sldId="268"/>
            <ac:spMk id="5" creationId="{D87E4D8A-B607-DD45-BED7-5FFF57FEA53D}"/>
          </ac:spMkLst>
        </pc:spChg>
        <pc:spChg chg="add mod">
          <ac:chgData name="Jonas Bratseth" userId="7880613d-1198-4bca-afa6-2725a9958330" providerId="ADAL" clId="{C5F6A8B2-8015-4AF9-8F9A-EBFE2882138B}" dt="2022-05-09T08:17:23.258" v="376"/>
          <ac:spMkLst>
            <pc:docMk/>
            <pc:sldMk cId="1108042337" sldId="268"/>
            <ac:spMk id="6" creationId="{6EEB1CD8-83B8-AAF4-AD30-118E5CE2C6FF}"/>
          </ac:spMkLst>
        </pc:spChg>
        <pc:spChg chg="mod">
          <ac:chgData name="Jonas Bratseth" userId="7880613d-1198-4bca-afa6-2725a9958330" providerId="ADAL" clId="{C5F6A8B2-8015-4AF9-8F9A-EBFE2882138B}" dt="2022-05-09T08:59:36.125" v="931"/>
          <ac:spMkLst>
            <pc:docMk/>
            <pc:sldMk cId="1108042337" sldId="268"/>
            <ac:spMk id="7" creationId="{0C4F7ABB-FEE5-44B9-D70D-56200217D576}"/>
          </ac:spMkLst>
        </pc:spChg>
      </pc:sldChg>
      <pc:sldChg chg="addSp delSp modSp">
        <pc:chgData name="Jonas Bratseth" userId="7880613d-1198-4bca-afa6-2725a9958330" providerId="ADAL" clId="{C5F6A8B2-8015-4AF9-8F9A-EBFE2882138B}" dt="2022-05-09T09:08:11.290" v="1029"/>
        <pc:sldMkLst>
          <pc:docMk/>
          <pc:sldMk cId="2843703708" sldId="271"/>
        </pc:sldMkLst>
        <pc:spChg chg="mod">
          <ac:chgData name="Jonas Bratseth" userId="7880613d-1198-4bca-afa6-2725a9958330" providerId="ADAL" clId="{C5F6A8B2-8015-4AF9-8F9A-EBFE2882138B}" dt="2022-05-09T09:08:11.290" v="1029"/>
          <ac:spMkLst>
            <pc:docMk/>
            <pc:sldMk cId="2843703708" sldId="271"/>
            <ac:spMk id="2" creationId="{70A7728D-7133-4A50-AAD2-58F5F43001D9}"/>
          </ac:spMkLst>
        </pc:spChg>
        <pc:spChg chg="add del mod">
          <ac:chgData name="Jonas Bratseth" userId="7880613d-1198-4bca-afa6-2725a9958330" providerId="ADAL" clId="{C5F6A8B2-8015-4AF9-8F9A-EBFE2882138B}" dt="2022-05-09T09:08:11.290" v="1029"/>
          <ac:spMkLst>
            <pc:docMk/>
            <pc:sldMk cId="2843703708" sldId="271"/>
            <ac:spMk id="3" creationId="{FC4FA903-5786-FB1C-0368-08C107D02284}"/>
          </ac:spMkLst>
        </pc:spChg>
      </pc:sldChg>
      <pc:sldChg chg="new del">
        <pc:chgData name="Jonas Bratseth" userId="7880613d-1198-4bca-afa6-2725a9958330" providerId="ADAL" clId="{C5F6A8B2-8015-4AF9-8F9A-EBFE2882138B}" dt="2022-05-09T08:57:13.895" v="884" actId="680"/>
        <pc:sldMkLst>
          <pc:docMk/>
          <pc:sldMk cId="684730974" sldId="273"/>
        </pc:sldMkLst>
      </pc:sldChg>
      <pc:sldChg chg="new">
        <pc:chgData name="Jonas Bratseth" userId="7880613d-1198-4bca-afa6-2725a9958330" providerId="ADAL" clId="{C5F6A8B2-8015-4AF9-8F9A-EBFE2882138B}" dt="2022-05-09T09:07:06.064" v="1021" actId="680"/>
        <pc:sldMkLst>
          <pc:docMk/>
          <pc:sldMk cId="3254351504" sldId="273"/>
        </pc:sldMkLst>
      </pc:sldChg>
      <pc:sldMasterChg chg="addSp delSp modSp mod addSldLayout delSldLayout modSldLayout sldLayoutOrd">
        <pc:chgData name="Jonas Bratseth" userId="7880613d-1198-4bca-afa6-2725a9958330" providerId="ADAL" clId="{C5F6A8B2-8015-4AF9-8F9A-EBFE2882138B}" dt="2022-05-09T12:02:53.508" v="1144" actId="207"/>
        <pc:sldMasterMkLst>
          <pc:docMk/>
          <pc:sldMasterMk cId="750743933" sldId="2147483648"/>
        </pc:sldMasterMkLst>
        <pc:spChg chg="mod">
          <ac:chgData name="Jonas Bratseth" userId="7880613d-1198-4bca-afa6-2725a9958330" providerId="ADAL" clId="{C5F6A8B2-8015-4AF9-8F9A-EBFE2882138B}" dt="2022-05-09T09:00:40.305" v="940"/>
          <ac:spMkLst>
            <pc:docMk/>
            <pc:sldMasterMk cId="750743933" sldId="2147483648"/>
            <ac:spMk id="2" creationId="{EC00E0C1-94DD-4E87-91A3-A53B9DA66CC3}"/>
          </ac:spMkLst>
        </pc:spChg>
        <pc:spChg chg="mod">
          <ac:chgData name="Jonas Bratseth" userId="7880613d-1198-4bca-afa6-2725a9958330" providerId="ADAL" clId="{C5F6A8B2-8015-4AF9-8F9A-EBFE2882138B}" dt="2022-05-09T09:00:43.605" v="941" actId="14100"/>
          <ac:spMkLst>
            <pc:docMk/>
            <pc:sldMasterMk cId="750743933" sldId="2147483648"/>
            <ac:spMk id="3" creationId="{FB7FA735-9FEC-45E4-8627-8C8C6073AC5F}"/>
          </ac:spMkLst>
        </pc:spChg>
        <pc:spChg chg="del mod">
          <ac:chgData name="Jonas Bratseth" userId="7880613d-1198-4bca-afa6-2725a9958330" providerId="ADAL" clId="{C5F6A8B2-8015-4AF9-8F9A-EBFE2882138B}" dt="2022-05-09T08:19:13.067" v="427" actId="478"/>
          <ac:spMkLst>
            <pc:docMk/>
            <pc:sldMasterMk cId="750743933" sldId="2147483648"/>
            <ac:spMk id="4" creationId="{AFACBEE0-DA95-09A0-A946-45801DBFF43B}"/>
          </ac:spMkLst>
        </pc:spChg>
        <pc:spChg chg="mod">
          <ac:chgData name="Jonas Bratseth" userId="7880613d-1198-4bca-afa6-2725a9958330" providerId="ADAL" clId="{C5F6A8B2-8015-4AF9-8F9A-EBFE2882138B}" dt="2022-05-09T09:03:45.125" v="996"/>
          <ac:spMkLst>
            <pc:docMk/>
            <pc:sldMasterMk cId="750743933" sldId="2147483648"/>
            <ac:spMk id="5" creationId="{596F47F6-6A98-4E1E-B01E-2BE8C7E1830A}"/>
          </ac:spMkLst>
        </pc:spChg>
        <pc:spChg chg="add del mod">
          <ac:chgData name="Jonas Bratseth" userId="7880613d-1198-4bca-afa6-2725a9958330" providerId="ADAL" clId="{C5F6A8B2-8015-4AF9-8F9A-EBFE2882138B}" dt="2022-05-09T08:16:59.407" v="374" actId="478"/>
          <ac:spMkLst>
            <pc:docMk/>
            <pc:sldMasterMk cId="750743933" sldId="2147483648"/>
            <ac:spMk id="6" creationId="{01A3DDE1-BFF4-0813-8FC0-88627A501E53}"/>
          </ac:spMkLst>
        </pc:spChg>
        <pc:spChg chg="add del mod">
          <ac:chgData name="Jonas Bratseth" userId="7880613d-1198-4bca-afa6-2725a9958330" providerId="ADAL" clId="{C5F6A8B2-8015-4AF9-8F9A-EBFE2882138B}" dt="2022-05-09T08:19:05.607" v="426" actId="478"/>
          <ac:spMkLst>
            <pc:docMk/>
            <pc:sldMasterMk cId="750743933" sldId="2147483648"/>
            <ac:spMk id="7" creationId="{87399065-92D4-814F-B50E-60D25BA50293}"/>
          </ac:spMkLst>
        </pc:spChg>
        <pc:spChg chg="mod">
          <ac:chgData name="Jonas Bratseth" userId="7880613d-1198-4bca-afa6-2725a9958330" providerId="ADAL" clId="{C5F6A8B2-8015-4AF9-8F9A-EBFE2882138B}" dt="2022-05-09T09:03:31.275" v="960"/>
          <ac:spMkLst>
            <pc:docMk/>
            <pc:sldMasterMk cId="750743933" sldId="2147483648"/>
            <ac:spMk id="8" creationId="{37BA7305-638B-3249-16EB-C932905557C7}"/>
          </ac:spMkLst>
        </pc:spChg>
        <pc:spChg chg="add del mod">
          <ac:chgData name="Jonas Bratseth" userId="7880613d-1198-4bca-afa6-2725a9958330" providerId="ADAL" clId="{C5F6A8B2-8015-4AF9-8F9A-EBFE2882138B}" dt="2022-05-09T09:03:42.176" v="980"/>
          <ac:spMkLst>
            <pc:docMk/>
            <pc:sldMasterMk cId="750743933" sldId="2147483648"/>
            <ac:spMk id="9" creationId="{217791FF-8345-9E43-AA1B-1E129F7B9BAA}"/>
          </ac:spMkLst>
        </pc:spChg>
        <pc:spChg chg="add del mod">
          <ac:chgData name="Jonas Bratseth" userId="7880613d-1198-4bca-afa6-2725a9958330" providerId="ADAL" clId="{C5F6A8B2-8015-4AF9-8F9A-EBFE2882138B}" dt="2022-05-09T08:19:42.727" v="466" actId="478"/>
          <ac:spMkLst>
            <pc:docMk/>
            <pc:sldMasterMk cId="750743933" sldId="2147483648"/>
            <ac:spMk id="10" creationId="{85EE8C61-92D0-DF3B-F15F-6802254AA8A6}"/>
          </ac:spMkLst>
        </pc:spChg>
        <pc:spChg chg="add del mod">
          <ac:chgData name="Jonas Bratseth" userId="7880613d-1198-4bca-afa6-2725a9958330" providerId="ADAL" clId="{C5F6A8B2-8015-4AF9-8F9A-EBFE2882138B}" dt="2022-05-09T08:24:38.606" v="586" actId="21"/>
          <ac:spMkLst>
            <pc:docMk/>
            <pc:sldMasterMk cId="750743933" sldId="2147483648"/>
            <ac:spMk id="11" creationId="{65D7BA01-35D9-0EBF-2853-FB591610F27C}"/>
          </ac:spMkLst>
        </pc:spChg>
        <pc:spChg chg="add del mod">
          <ac:chgData name="Jonas Bratseth" userId="7880613d-1198-4bca-afa6-2725a9958330" providerId="ADAL" clId="{C5F6A8B2-8015-4AF9-8F9A-EBFE2882138B}" dt="2022-05-09T08:24:38.606" v="586" actId="21"/>
          <ac:spMkLst>
            <pc:docMk/>
            <pc:sldMasterMk cId="750743933" sldId="2147483648"/>
            <ac:spMk id="12" creationId="{99714C82-AA7D-75B6-0DC5-99CD51581624}"/>
          </ac:spMkLst>
        </pc:spChg>
        <pc:spChg chg="add del mod">
          <ac:chgData name="Jonas Bratseth" userId="7880613d-1198-4bca-afa6-2725a9958330" providerId="ADAL" clId="{C5F6A8B2-8015-4AF9-8F9A-EBFE2882138B}" dt="2022-05-09T08:24:38.606" v="586" actId="21"/>
          <ac:spMkLst>
            <pc:docMk/>
            <pc:sldMasterMk cId="750743933" sldId="2147483648"/>
            <ac:spMk id="13" creationId="{36C02367-D164-72F2-BB31-68748B20F4F7}"/>
          </ac:spMkLst>
        </pc:spChg>
        <pc:spChg chg="add del mod">
          <ac:chgData name="Jonas Bratseth" userId="7880613d-1198-4bca-afa6-2725a9958330" providerId="ADAL" clId="{C5F6A8B2-8015-4AF9-8F9A-EBFE2882138B}" dt="2022-05-09T08:38:43.906" v="758" actId="21"/>
          <ac:spMkLst>
            <pc:docMk/>
            <pc:sldMasterMk cId="750743933" sldId="2147483648"/>
            <ac:spMk id="15" creationId="{43C0170E-E1BC-5DEE-D885-65B1BACAF666}"/>
          </ac:spMkLst>
        </pc:spChg>
        <pc:spChg chg="add del mod">
          <ac:chgData name="Jonas Bratseth" userId="7880613d-1198-4bca-afa6-2725a9958330" providerId="ADAL" clId="{C5F6A8B2-8015-4AF9-8F9A-EBFE2882138B}" dt="2022-05-09T08:38:43.906" v="758" actId="21"/>
          <ac:spMkLst>
            <pc:docMk/>
            <pc:sldMasterMk cId="750743933" sldId="2147483648"/>
            <ac:spMk id="16" creationId="{16234F8F-651F-62D3-8F45-EF0085403E25}"/>
          </ac:spMkLst>
        </pc:spChg>
        <pc:spChg chg="add del mod">
          <ac:chgData name="Jonas Bratseth" userId="7880613d-1198-4bca-afa6-2725a9958330" providerId="ADAL" clId="{C5F6A8B2-8015-4AF9-8F9A-EBFE2882138B}" dt="2022-05-09T08:38:43.906" v="758" actId="21"/>
          <ac:spMkLst>
            <pc:docMk/>
            <pc:sldMasterMk cId="750743933" sldId="2147483648"/>
            <ac:spMk id="17" creationId="{72586FB9-ED86-19D8-8A53-EE3C5A46BCB2}"/>
          </ac:spMkLst>
        </pc:spChg>
        <pc:spChg chg="add del mod">
          <ac:chgData name="Jonas Bratseth" userId="7880613d-1198-4bca-afa6-2725a9958330" providerId="ADAL" clId="{C5F6A8B2-8015-4AF9-8F9A-EBFE2882138B}" dt="2022-05-09T08:58:20.135" v="922" actId="21"/>
          <ac:spMkLst>
            <pc:docMk/>
            <pc:sldMasterMk cId="750743933" sldId="2147483648"/>
            <ac:spMk id="18" creationId="{3706056C-29AB-7748-657A-BC39F95296A3}"/>
          </ac:spMkLst>
        </pc:spChg>
        <pc:spChg chg="add del mod">
          <ac:chgData name="Jonas Bratseth" userId="7880613d-1198-4bca-afa6-2725a9958330" providerId="ADAL" clId="{C5F6A8B2-8015-4AF9-8F9A-EBFE2882138B}" dt="2022-05-09T09:03:49.305" v="1005" actId="21"/>
          <ac:spMkLst>
            <pc:docMk/>
            <pc:sldMasterMk cId="750743933" sldId="2147483648"/>
            <ac:spMk id="19" creationId="{E3444689-52D9-B069-2C29-B5F133042746}"/>
          </ac:spMkLst>
        </pc:spChg>
        <pc:spChg chg="add del mod">
          <ac:chgData name="Jonas Bratseth" userId="7880613d-1198-4bca-afa6-2725a9958330" providerId="ADAL" clId="{C5F6A8B2-8015-4AF9-8F9A-EBFE2882138B}" dt="2022-05-09T09:03:49.305" v="1005" actId="21"/>
          <ac:spMkLst>
            <pc:docMk/>
            <pc:sldMasterMk cId="750743933" sldId="2147483648"/>
            <ac:spMk id="20" creationId="{06554DE9-01C1-EBA5-8BAA-7C2E8C94AEA8}"/>
          </ac:spMkLst>
        </pc:spChg>
        <pc:spChg chg="add del mod">
          <ac:chgData name="Jonas Bratseth" userId="7880613d-1198-4bca-afa6-2725a9958330" providerId="ADAL" clId="{C5F6A8B2-8015-4AF9-8F9A-EBFE2882138B}" dt="2022-05-09T09:03:49.305" v="1005" actId="21"/>
          <ac:spMkLst>
            <pc:docMk/>
            <pc:sldMasterMk cId="750743933" sldId="2147483648"/>
            <ac:spMk id="21" creationId="{DFF235EA-1602-037C-E9F0-41242075270D}"/>
          </ac:spMkLst>
        </pc:spChg>
        <pc:sldLayoutChg chg="addSp delSp modSp mod">
          <pc:chgData name="Jonas Bratseth" userId="7880613d-1198-4bca-afa6-2725a9958330" providerId="ADAL" clId="{C5F6A8B2-8015-4AF9-8F9A-EBFE2882138B}" dt="2022-05-09T09:01:58.595" v="951" actId="14100"/>
          <pc:sldLayoutMkLst>
            <pc:docMk/>
            <pc:sldMasterMk cId="750743933" sldId="2147483648"/>
            <pc:sldLayoutMk cId="477069560" sldId="2147483650"/>
          </pc:sldLayoutMkLst>
          <pc:spChg chg="mod">
            <ac:chgData name="Jonas Bratseth" userId="7880613d-1198-4bca-afa6-2725a9958330" providerId="ADAL" clId="{C5F6A8B2-8015-4AF9-8F9A-EBFE2882138B}" dt="2022-05-09T09:01:58.595" v="951" actId="14100"/>
            <ac:spMkLst>
              <pc:docMk/>
              <pc:sldMasterMk cId="750743933" sldId="2147483648"/>
              <pc:sldLayoutMk cId="477069560" sldId="2147483650"/>
              <ac:spMk id="2" creationId="{9D8C0CC4-FF8D-4840-9F6A-DCCFD694CE44}"/>
            </ac:spMkLst>
          </pc:spChg>
          <pc:spChg chg="mod">
            <ac:chgData name="Jonas Bratseth" userId="7880613d-1198-4bca-afa6-2725a9958330" providerId="ADAL" clId="{C5F6A8B2-8015-4AF9-8F9A-EBFE2882138B}" dt="2022-05-09T09:01:55.695" v="950"/>
            <ac:spMkLst>
              <pc:docMk/>
              <pc:sldMasterMk cId="750743933" sldId="2147483648"/>
              <pc:sldLayoutMk cId="477069560" sldId="2147483650"/>
              <ac:spMk id="3" creationId="{0D93E16A-6125-4B01-9B97-3CA53DFF61AB}"/>
            </ac:spMkLst>
          </pc:spChg>
          <pc:spChg chg="add del mod">
            <ac:chgData name="Jonas Bratseth" userId="7880613d-1198-4bca-afa6-2725a9958330" providerId="ADAL" clId="{C5F6A8B2-8015-4AF9-8F9A-EBFE2882138B}" dt="2022-05-09T08:23:08.627" v="493"/>
            <ac:spMkLst>
              <pc:docMk/>
              <pc:sldMasterMk cId="750743933" sldId="2147483648"/>
              <pc:sldLayoutMk cId="477069560" sldId="2147483650"/>
              <ac:spMk id="4" creationId="{6418B0B6-21D1-4D0A-FA8F-A853B71CC339}"/>
            </ac:spMkLst>
          </pc:spChg>
          <pc:spChg chg="add del mod">
            <ac:chgData name="Jonas Bratseth" userId="7880613d-1198-4bca-afa6-2725a9958330" providerId="ADAL" clId="{C5F6A8B2-8015-4AF9-8F9A-EBFE2882138B}" dt="2022-05-09T08:23:08.627" v="493"/>
            <ac:spMkLst>
              <pc:docMk/>
              <pc:sldMasterMk cId="750743933" sldId="2147483648"/>
              <pc:sldLayoutMk cId="477069560" sldId="2147483650"/>
              <ac:spMk id="5" creationId="{EC541525-1700-0E86-6E3D-FE922866CC90}"/>
            </ac:spMkLst>
          </pc:spChg>
          <pc:spChg chg="add del mod">
            <ac:chgData name="Jonas Bratseth" userId="7880613d-1198-4bca-afa6-2725a9958330" providerId="ADAL" clId="{C5F6A8B2-8015-4AF9-8F9A-EBFE2882138B}" dt="2022-05-09T08:23:11.381" v="495" actId="478"/>
            <ac:spMkLst>
              <pc:docMk/>
              <pc:sldMasterMk cId="750743933" sldId="2147483648"/>
              <pc:sldLayoutMk cId="477069560" sldId="2147483650"/>
              <ac:spMk id="6" creationId="{8E895508-E603-1A21-81F7-A70D0AC96C5C}"/>
            </ac:spMkLst>
          </pc:spChg>
          <pc:spChg chg="add del mod">
            <ac:chgData name="Jonas Bratseth" userId="7880613d-1198-4bca-afa6-2725a9958330" providerId="ADAL" clId="{C5F6A8B2-8015-4AF9-8F9A-EBFE2882138B}" dt="2022-05-09T08:23:28.066" v="500"/>
            <ac:spMkLst>
              <pc:docMk/>
              <pc:sldMasterMk cId="750743933" sldId="2147483648"/>
              <pc:sldLayoutMk cId="477069560" sldId="2147483650"/>
              <ac:spMk id="7" creationId="{900B1FAF-C1EF-2AEB-7B74-AC161A70E818}"/>
            </ac:spMkLst>
          </pc:spChg>
          <pc:spChg chg="add del mod">
            <ac:chgData name="Jonas Bratseth" userId="7880613d-1198-4bca-afa6-2725a9958330" providerId="ADAL" clId="{C5F6A8B2-8015-4AF9-8F9A-EBFE2882138B}" dt="2022-05-09T08:23:28.066" v="500"/>
            <ac:spMkLst>
              <pc:docMk/>
              <pc:sldMasterMk cId="750743933" sldId="2147483648"/>
              <pc:sldLayoutMk cId="477069560" sldId="2147483650"/>
              <ac:spMk id="8" creationId="{BE7E4016-42DF-E3AA-AEEE-CFE599647FC0}"/>
            </ac:spMkLst>
          </pc:spChg>
          <pc:spChg chg="add del mod">
            <ac:chgData name="Jonas Bratseth" userId="7880613d-1198-4bca-afa6-2725a9958330" providerId="ADAL" clId="{C5F6A8B2-8015-4AF9-8F9A-EBFE2882138B}" dt="2022-05-09T08:23:28.066" v="500"/>
            <ac:spMkLst>
              <pc:docMk/>
              <pc:sldMasterMk cId="750743933" sldId="2147483648"/>
              <pc:sldLayoutMk cId="477069560" sldId="2147483650"/>
              <ac:spMk id="10" creationId="{B411F498-9EF5-DF3F-E711-743E45B10494}"/>
            </ac:spMkLst>
          </pc:spChg>
          <pc:spChg chg="del">
            <ac:chgData name="Jonas Bratseth" userId="7880613d-1198-4bca-afa6-2725a9958330" providerId="ADAL" clId="{C5F6A8B2-8015-4AF9-8F9A-EBFE2882138B}" dt="2022-05-09T08:23:08.627" v="493"/>
            <ac:spMkLst>
              <pc:docMk/>
              <pc:sldMasterMk cId="750743933" sldId="2147483648"/>
              <pc:sldLayoutMk cId="477069560" sldId="2147483650"/>
              <ac:spMk id="11" creationId="{5C7DF1C5-A62B-48F2-8482-9AFA5987E96B}"/>
            </ac:spMkLst>
          </pc:spChg>
          <pc:spChg chg="add del mod">
            <ac:chgData name="Jonas Bratseth" userId="7880613d-1198-4bca-afa6-2725a9958330" providerId="ADAL" clId="{C5F6A8B2-8015-4AF9-8F9A-EBFE2882138B}" dt="2022-05-09T08:59:45.245" v="933"/>
            <ac:spMkLst>
              <pc:docMk/>
              <pc:sldMasterMk cId="750743933" sldId="2147483648"/>
              <pc:sldLayoutMk cId="477069560" sldId="2147483650"/>
              <ac:spMk id="12" creationId="{D787CD85-3592-DD08-3962-AD3F54B97628}"/>
            </ac:spMkLst>
          </pc:spChg>
          <pc:spChg chg="add del mod">
            <ac:chgData name="Jonas Bratseth" userId="7880613d-1198-4bca-afa6-2725a9958330" providerId="ADAL" clId="{C5F6A8B2-8015-4AF9-8F9A-EBFE2882138B}" dt="2022-05-09T08:59:45.245" v="933"/>
            <ac:spMkLst>
              <pc:docMk/>
              <pc:sldMasterMk cId="750743933" sldId="2147483648"/>
              <pc:sldLayoutMk cId="477069560" sldId="2147483650"/>
              <ac:spMk id="13" creationId="{6F7FCB8D-EC63-60C5-FF57-1DBCAC61B393}"/>
            </ac:spMkLst>
          </pc:spChg>
          <pc:spChg chg="add del mod">
            <ac:chgData name="Jonas Bratseth" userId="7880613d-1198-4bca-afa6-2725a9958330" providerId="ADAL" clId="{C5F6A8B2-8015-4AF9-8F9A-EBFE2882138B}" dt="2022-05-09T08:59:45.245" v="933"/>
            <ac:spMkLst>
              <pc:docMk/>
              <pc:sldMasterMk cId="750743933" sldId="2147483648"/>
              <pc:sldLayoutMk cId="477069560" sldId="2147483650"/>
              <ac:spMk id="14" creationId="{2C3B0428-2BB7-6BAD-A2CD-3EDE665631A8}"/>
            </ac:spMkLst>
          </pc:spChg>
          <pc:spChg chg="add mod">
            <ac:chgData name="Jonas Bratseth" userId="7880613d-1198-4bca-afa6-2725a9958330" providerId="ADAL" clId="{C5F6A8B2-8015-4AF9-8F9A-EBFE2882138B}" dt="2022-05-09T08:59:45.485" v="934"/>
            <ac:spMkLst>
              <pc:docMk/>
              <pc:sldMasterMk cId="750743933" sldId="2147483648"/>
              <pc:sldLayoutMk cId="477069560" sldId="2147483650"/>
              <ac:spMk id="15" creationId="{C7207310-D9A2-20F9-D03E-AB79FFAF6392}"/>
            </ac:spMkLst>
          </pc:spChg>
          <pc:spChg chg="add mod">
            <ac:chgData name="Jonas Bratseth" userId="7880613d-1198-4bca-afa6-2725a9958330" providerId="ADAL" clId="{C5F6A8B2-8015-4AF9-8F9A-EBFE2882138B}" dt="2022-05-09T08:59:45.485" v="934"/>
            <ac:spMkLst>
              <pc:docMk/>
              <pc:sldMasterMk cId="750743933" sldId="2147483648"/>
              <pc:sldLayoutMk cId="477069560" sldId="2147483650"/>
              <ac:spMk id="16" creationId="{EF1C1E1E-7CC8-8501-5FC2-047CC63F63E1}"/>
            </ac:spMkLst>
          </pc:spChg>
          <pc:spChg chg="add mod">
            <ac:chgData name="Jonas Bratseth" userId="7880613d-1198-4bca-afa6-2725a9958330" providerId="ADAL" clId="{C5F6A8B2-8015-4AF9-8F9A-EBFE2882138B}" dt="2022-05-09T08:59:45.485" v="934"/>
            <ac:spMkLst>
              <pc:docMk/>
              <pc:sldMasterMk cId="750743933" sldId="2147483648"/>
              <pc:sldLayoutMk cId="477069560" sldId="2147483650"/>
              <ac:spMk id="17" creationId="{73241680-A1A9-2F83-7BD1-6296B6E2420A}"/>
            </ac:spMkLst>
          </pc:spChg>
        </pc:sldLayoutChg>
        <pc:sldLayoutChg chg="addSp delSp modSp mod">
          <pc:chgData name="Jonas Bratseth" userId="7880613d-1198-4bca-afa6-2725a9958330" providerId="ADAL" clId="{C5F6A8B2-8015-4AF9-8F9A-EBFE2882138B}" dt="2022-05-09T12:02:53.508" v="1144" actId="207"/>
          <pc:sldLayoutMkLst>
            <pc:docMk/>
            <pc:sldMasterMk cId="750743933" sldId="2147483648"/>
            <pc:sldLayoutMk cId="2339586804" sldId="2147483660"/>
          </pc:sldLayoutMkLst>
          <pc:spChg chg="add del mod">
            <ac:chgData name="Jonas Bratseth" userId="7880613d-1198-4bca-afa6-2725a9958330" providerId="ADAL" clId="{C5F6A8B2-8015-4AF9-8F9A-EBFE2882138B}" dt="2022-05-09T08:16:48.627" v="356" actId="21"/>
            <ac:spMkLst>
              <pc:docMk/>
              <pc:sldMasterMk cId="750743933" sldId="2147483648"/>
              <pc:sldLayoutMk cId="2339586804" sldId="2147483660"/>
              <ac:spMk id="2" creationId="{A82DF66B-E577-7F4D-FDAA-ED2984736E11}"/>
            </ac:spMkLst>
          </pc:spChg>
          <pc:spChg chg="mod">
            <ac:chgData name="Jonas Bratseth" userId="7880613d-1198-4bca-afa6-2725a9958330" providerId="ADAL" clId="{C5F6A8B2-8015-4AF9-8F9A-EBFE2882138B}" dt="2022-05-09T07:04:51.377" v="125" actId="2711"/>
            <ac:spMkLst>
              <pc:docMk/>
              <pc:sldMasterMk cId="750743933" sldId="2147483648"/>
              <pc:sldLayoutMk cId="2339586804" sldId="2147483660"/>
              <ac:spMk id="3" creationId="{8637D6E0-F061-4BBC-8DBC-562373D266A8}"/>
            </ac:spMkLst>
          </pc:spChg>
          <pc:spChg chg="add del mod">
            <ac:chgData name="Jonas Bratseth" userId="7880613d-1198-4bca-afa6-2725a9958330" providerId="ADAL" clId="{C5F6A8B2-8015-4AF9-8F9A-EBFE2882138B}" dt="2022-05-09T08:58:25.315" v="924"/>
            <ac:spMkLst>
              <pc:docMk/>
              <pc:sldMasterMk cId="750743933" sldId="2147483648"/>
              <pc:sldLayoutMk cId="2339586804" sldId="2147483660"/>
              <ac:spMk id="4" creationId="{06C5557A-E652-AD1F-C802-AC20EBF41376}"/>
            </ac:spMkLst>
          </pc:spChg>
          <pc:spChg chg="del mod">
            <ac:chgData name="Jonas Bratseth" userId="7880613d-1198-4bca-afa6-2725a9958330" providerId="ADAL" clId="{C5F6A8B2-8015-4AF9-8F9A-EBFE2882138B}" dt="2022-05-09T08:58:25.315" v="924"/>
            <ac:spMkLst>
              <pc:docMk/>
              <pc:sldMasterMk cId="750743933" sldId="2147483648"/>
              <pc:sldLayoutMk cId="2339586804" sldId="2147483660"/>
              <ac:spMk id="5" creationId="{8EDAF1BB-D4DD-4390-8C59-BBD2D2C67E20}"/>
            </ac:spMkLst>
          </pc:spChg>
          <pc:spChg chg="add del mod">
            <ac:chgData name="Jonas Bratseth" userId="7880613d-1198-4bca-afa6-2725a9958330" providerId="ADAL" clId="{C5F6A8B2-8015-4AF9-8F9A-EBFE2882138B}" dt="2022-05-09T08:58:28.255" v="926" actId="478"/>
            <ac:spMkLst>
              <pc:docMk/>
              <pc:sldMasterMk cId="750743933" sldId="2147483648"/>
              <pc:sldLayoutMk cId="2339586804" sldId="2147483660"/>
              <ac:spMk id="6" creationId="{7AEC728A-54AA-018B-0D52-DB8E49B20571}"/>
            </ac:spMkLst>
          </pc:spChg>
          <pc:spChg chg="mod">
            <ac:chgData name="Jonas Bratseth" userId="7880613d-1198-4bca-afa6-2725a9958330" providerId="ADAL" clId="{C5F6A8B2-8015-4AF9-8F9A-EBFE2882138B}" dt="2022-05-09T10:01:28.797" v="1143" actId="207"/>
            <ac:spMkLst>
              <pc:docMk/>
              <pc:sldMasterMk cId="750743933" sldId="2147483648"/>
              <pc:sldLayoutMk cId="2339586804" sldId="2147483660"/>
              <ac:spMk id="7" creationId="{2CB31F07-7988-4E6E-9EB1-1E331F9F3747}"/>
            </ac:spMkLst>
          </pc:spChg>
          <pc:spChg chg="add mod">
            <ac:chgData name="Jonas Bratseth" userId="7880613d-1198-4bca-afa6-2725a9958330" providerId="ADAL" clId="{C5F6A8B2-8015-4AF9-8F9A-EBFE2882138B}" dt="2022-05-09T12:02:53.508" v="1144" actId="207"/>
            <ac:spMkLst>
              <pc:docMk/>
              <pc:sldMasterMk cId="750743933" sldId="2147483648"/>
              <pc:sldLayoutMk cId="2339586804" sldId="2147483660"/>
              <ac:spMk id="8" creationId="{A6023F19-6759-EB69-636C-44309C22BD02}"/>
            </ac:spMkLst>
          </pc:spChg>
          <pc:spChg chg="del">
            <ac:chgData name="Jonas Bratseth" userId="7880613d-1198-4bca-afa6-2725a9958330" providerId="ADAL" clId="{C5F6A8B2-8015-4AF9-8F9A-EBFE2882138B}" dt="2022-05-09T08:58:25.315" v="924"/>
            <ac:spMkLst>
              <pc:docMk/>
              <pc:sldMasterMk cId="750743933" sldId="2147483648"/>
              <pc:sldLayoutMk cId="2339586804" sldId="2147483660"/>
              <ac:spMk id="9" creationId="{6BA452CE-6521-4710-BBBF-4AE21A3DDEF5}"/>
            </ac:spMkLst>
          </pc:spChg>
          <pc:spChg chg="add mod">
            <ac:chgData name="Jonas Bratseth" userId="7880613d-1198-4bca-afa6-2725a9958330" providerId="ADAL" clId="{C5F6A8B2-8015-4AF9-8F9A-EBFE2882138B}" dt="2022-05-09T12:02:53.508" v="1144" actId="207"/>
            <ac:spMkLst>
              <pc:docMk/>
              <pc:sldMasterMk cId="750743933" sldId="2147483648"/>
              <pc:sldLayoutMk cId="2339586804" sldId="2147483660"/>
              <ac:spMk id="10" creationId="{6FE08D11-304F-1184-2C25-7FD7C9AA1992}"/>
            </ac:spMkLst>
          </pc:spChg>
          <pc:picChg chg="add del mod">
            <ac:chgData name="Jonas Bratseth" userId="7880613d-1198-4bca-afa6-2725a9958330" providerId="ADAL" clId="{C5F6A8B2-8015-4AF9-8F9A-EBFE2882138B}" dt="2022-05-09T10:01:24.082" v="1141" actId="478"/>
            <ac:picMkLst>
              <pc:docMk/>
              <pc:sldMasterMk cId="750743933" sldId="2147483648"/>
              <pc:sldLayoutMk cId="2339586804" sldId="2147483660"/>
              <ac:picMk id="12" creationId="{31D946A5-10C2-0482-A4A3-201445741D16}"/>
            </ac:picMkLst>
          </pc:picChg>
        </pc:sldLayoutChg>
        <pc:sldLayoutChg chg="addSp delSp modSp">
          <pc:chgData name="Jonas Bratseth" userId="7880613d-1198-4bca-afa6-2725a9958330" providerId="ADAL" clId="{C5F6A8B2-8015-4AF9-8F9A-EBFE2882138B}" dt="2022-05-09T08:59:48.525" v="936"/>
          <pc:sldLayoutMkLst>
            <pc:docMk/>
            <pc:sldMasterMk cId="750743933" sldId="2147483648"/>
            <pc:sldLayoutMk cId="4221861873" sldId="2147483661"/>
          </pc:sldLayoutMkLst>
          <pc:spChg chg="add del mod">
            <ac:chgData name="Jonas Bratseth" userId="7880613d-1198-4bca-afa6-2725a9958330" providerId="ADAL" clId="{C5F6A8B2-8015-4AF9-8F9A-EBFE2882138B}" dt="2022-05-09T08:23:34.517" v="503"/>
            <ac:spMkLst>
              <pc:docMk/>
              <pc:sldMasterMk cId="750743933" sldId="2147483648"/>
              <pc:sldLayoutMk cId="4221861873" sldId="2147483661"/>
              <ac:spMk id="3" creationId="{D6B94FC5-BD9C-6679-0BBD-0663A44E730A}"/>
            </ac:spMkLst>
          </pc:spChg>
          <pc:spChg chg="add del mod">
            <ac:chgData name="Jonas Bratseth" userId="7880613d-1198-4bca-afa6-2725a9958330" providerId="ADAL" clId="{C5F6A8B2-8015-4AF9-8F9A-EBFE2882138B}" dt="2022-05-09T08:23:34.517" v="503"/>
            <ac:spMkLst>
              <pc:docMk/>
              <pc:sldMasterMk cId="750743933" sldId="2147483648"/>
              <pc:sldLayoutMk cId="4221861873" sldId="2147483661"/>
              <ac:spMk id="4" creationId="{FF70223D-5633-7B01-B579-260642F4AF10}"/>
            </ac:spMkLst>
          </pc:spChg>
          <pc:spChg chg="add del mod">
            <ac:chgData name="Jonas Bratseth" userId="7880613d-1198-4bca-afa6-2725a9958330" providerId="ADAL" clId="{C5F6A8B2-8015-4AF9-8F9A-EBFE2882138B}" dt="2022-05-09T08:59:48.185" v="935"/>
            <ac:spMkLst>
              <pc:docMk/>
              <pc:sldMasterMk cId="750743933" sldId="2147483648"/>
              <pc:sldLayoutMk cId="4221861873" sldId="2147483661"/>
              <ac:spMk id="5" creationId="{DFE597BB-AF97-28BF-5DBD-02F06CAECFE5}"/>
            </ac:spMkLst>
          </pc:spChg>
          <pc:spChg chg="add del mod">
            <ac:chgData name="Jonas Bratseth" userId="7880613d-1198-4bca-afa6-2725a9958330" providerId="ADAL" clId="{C5F6A8B2-8015-4AF9-8F9A-EBFE2882138B}" dt="2022-05-09T08:59:48.185" v="935"/>
            <ac:spMkLst>
              <pc:docMk/>
              <pc:sldMasterMk cId="750743933" sldId="2147483648"/>
              <pc:sldLayoutMk cId="4221861873" sldId="2147483661"/>
              <ac:spMk id="6" creationId="{FF965E42-2648-CA46-1B0B-ACEB08411E00}"/>
            </ac:spMkLst>
          </pc:spChg>
          <pc:spChg chg="add del mod">
            <ac:chgData name="Jonas Bratseth" userId="7880613d-1198-4bca-afa6-2725a9958330" providerId="ADAL" clId="{C5F6A8B2-8015-4AF9-8F9A-EBFE2882138B}" dt="2022-05-09T08:59:48.185" v="935"/>
            <ac:spMkLst>
              <pc:docMk/>
              <pc:sldMasterMk cId="750743933" sldId="2147483648"/>
              <pc:sldLayoutMk cId="4221861873" sldId="2147483661"/>
              <ac:spMk id="7" creationId="{57A13426-AF6C-A275-D313-CB636C35F283}"/>
            </ac:spMkLst>
          </pc:spChg>
          <pc:spChg chg="del">
            <ac:chgData name="Jonas Bratseth" userId="7880613d-1198-4bca-afa6-2725a9958330" providerId="ADAL" clId="{C5F6A8B2-8015-4AF9-8F9A-EBFE2882138B}" dt="2022-05-09T08:23:34.517" v="503"/>
            <ac:spMkLst>
              <pc:docMk/>
              <pc:sldMasterMk cId="750743933" sldId="2147483648"/>
              <pc:sldLayoutMk cId="4221861873" sldId="2147483661"/>
              <ac:spMk id="8" creationId="{55B705F1-BD8F-4927-980D-9E3C23775A55}"/>
            </ac:spMkLst>
          </pc:spChg>
          <pc:spChg chg="add mod">
            <ac:chgData name="Jonas Bratseth" userId="7880613d-1198-4bca-afa6-2725a9958330" providerId="ADAL" clId="{C5F6A8B2-8015-4AF9-8F9A-EBFE2882138B}" dt="2022-05-09T08:59:48.525" v="936"/>
            <ac:spMkLst>
              <pc:docMk/>
              <pc:sldMasterMk cId="750743933" sldId="2147483648"/>
              <pc:sldLayoutMk cId="4221861873" sldId="2147483661"/>
              <ac:spMk id="10" creationId="{6E92FFB3-C53C-54C9-EE84-995C8273CE89}"/>
            </ac:spMkLst>
          </pc:spChg>
          <pc:spChg chg="add mod">
            <ac:chgData name="Jonas Bratseth" userId="7880613d-1198-4bca-afa6-2725a9958330" providerId="ADAL" clId="{C5F6A8B2-8015-4AF9-8F9A-EBFE2882138B}" dt="2022-05-09T08:59:48.525" v="936"/>
            <ac:spMkLst>
              <pc:docMk/>
              <pc:sldMasterMk cId="750743933" sldId="2147483648"/>
              <pc:sldLayoutMk cId="4221861873" sldId="2147483661"/>
              <ac:spMk id="12" creationId="{DA9438E0-40CA-31FB-98A4-256B75C70BA7}"/>
            </ac:spMkLst>
          </pc:spChg>
          <pc:spChg chg="add mod">
            <ac:chgData name="Jonas Bratseth" userId="7880613d-1198-4bca-afa6-2725a9958330" providerId="ADAL" clId="{C5F6A8B2-8015-4AF9-8F9A-EBFE2882138B}" dt="2022-05-09T08:59:48.525" v="936"/>
            <ac:spMkLst>
              <pc:docMk/>
              <pc:sldMasterMk cId="750743933" sldId="2147483648"/>
              <pc:sldLayoutMk cId="4221861873" sldId="2147483661"/>
              <ac:spMk id="13" creationId="{4FFAD5BB-20BF-7CCA-B07B-F051521F6844}"/>
            </ac:spMkLst>
          </pc:spChg>
        </pc:sldLayoutChg>
        <pc:sldLayoutChg chg="modSp mod">
          <pc:chgData name="Jonas Bratseth" userId="7880613d-1198-4bca-afa6-2725a9958330" providerId="ADAL" clId="{C5F6A8B2-8015-4AF9-8F9A-EBFE2882138B}" dt="2022-05-09T09:08:06.977" v="1028"/>
          <pc:sldLayoutMkLst>
            <pc:docMk/>
            <pc:sldMasterMk cId="750743933" sldId="2147483648"/>
            <pc:sldLayoutMk cId="699857715" sldId="2147483668"/>
          </pc:sldLayoutMkLst>
          <pc:spChg chg="mod">
            <ac:chgData name="Jonas Bratseth" userId="7880613d-1198-4bca-afa6-2725a9958330" providerId="ADAL" clId="{C5F6A8B2-8015-4AF9-8F9A-EBFE2882138B}" dt="2022-05-09T09:08:06.977" v="1028"/>
            <ac:spMkLst>
              <pc:docMk/>
              <pc:sldMasterMk cId="750743933" sldId="2147483648"/>
              <pc:sldLayoutMk cId="699857715" sldId="2147483668"/>
              <ac:spMk id="5" creationId="{04904180-C847-4FC0-9759-1956EECC4080}"/>
            </ac:spMkLst>
          </pc:spChg>
        </pc:sldLayoutChg>
        <pc:sldLayoutChg chg="addSp delSp modSp mod">
          <pc:chgData name="Jonas Bratseth" userId="7880613d-1198-4bca-afa6-2725a9958330" providerId="ADAL" clId="{C5F6A8B2-8015-4AF9-8F9A-EBFE2882138B}" dt="2022-05-09T09:01:25.445" v="946" actId="14100"/>
          <pc:sldLayoutMkLst>
            <pc:docMk/>
            <pc:sldMasterMk cId="750743933" sldId="2147483648"/>
            <pc:sldLayoutMk cId="4145436888" sldId="2147483670"/>
          </pc:sldLayoutMkLst>
          <pc:spChg chg="mod">
            <ac:chgData name="Jonas Bratseth" userId="7880613d-1198-4bca-afa6-2725a9958330" providerId="ADAL" clId="{C5F6A8B2-8015-4AF9-8F9A-EBFE2882138B}" dt="2022-05-09T09:01:25.445" v="946" actId="14100"/>
            <ac:spMkLst>
              <pc:docMk/>
              <pc:sldMasterMk cId="750743933" sldId="2147483648"/>
              <pc:sldLayoutMk cId="4145436888" sldId="2147483670"/>
              <ac:spMk id="2" creationId="{9D8C0CC4-FF8D-4840-9F6A-DCCFD694CE44}"/>
            </ac:spMkLst>
          </pc:spChg>
          <pc:spChg chg="add del mod">
            <ac:chgData name="Jonas Bratseth" userId="7880613d-1198-4bca-afa6-2725a9958330" providerId="ADAL" clId="{C5F6A8B2-8015-4AF9-8F9A-EBFE2882138B}" dt="2022-05-09T08:23:04.377" v="489"/>
            <ac:spMkLst>
              <pc:docMk/>
              <pc:sldMasterMk cId="750743933" sldId="2147483648"/>
              <pc:sldLayoutMk cId="4145436888" sldId="2147483670"/>
              <ac:spMk id="3" creationId="{C034AD32-5386-347F-7D0A-3FD68AE53B96}"/>
            </ac:spMkLst>
          </pc:spChg>
          <pc:spChg chg="add del mod">
            <ac:chgData name="Jonas Bratseth" userId="7880613d-1198-4bca-afa6-2725a9958330" providerId="ADAL" clId="{C5F6A8B2-8015-4AF9-8F9A-EBFE2882138B}" dt="2022-05-09T08:23:04.377" v="489"/>
            <ac:spMkLst>
              <pc:docMk/>
              <pc:sldMasterMk cId="750743933" sldId="2147483648"/>
              <pc:sldLayoutMk cId="4145436888" sldId="2147483670"/>
              <ac:spMk id="4" creationId="{D6192F7E-93FA-7398-32BD-E7406721B4D7}"/>
            </ac:spMkLst>
          </pc:spChg>
          <pc:spChg chg="add del mod">
            <ac:chgData name="Jonas Bratseth" userId="7880613d-1198-4bca-afa6-2725a9958330" providerId="ADAL" clId="{C5F6A8B2-8015-4AF9-8F9A-EBFE2882138B}" dt="2022-05-09T08:23:04.377" v="489"/>
            <ac:spMkLst>
              <pc:docMk/>
              <pc:sldMasterMk cId="750743933" sldId="2147483648"/>
              <pc:sldLayoutMk cId="4145436888" sldId="2147483670"/>
              <ac:spMk id="5" creationId="{A3E34EEF-0565-67DC-8CA1-534DBAEDE0B4}"/>
            </ac:spMkLst>
          </pc:spChg>
          <pc:spChg chg="add del mod">
            <ac:chgData name="Jonas Bratseth" userId="7880613d-1198-4bca-afa6-2725a9958330" providerId="ADAL" clId="{C5F6A8B2-8015-4AF9-8F9A-EBFE2882138B}" dt="2022-05-09T08:23:06.417" v="491" actId="478"/>
            <ac:spMkLst>
              <pc:docMk/>
              <pc:sldMasterMk cId="750743933" sldId="2147483648"/>
              <pc:sldLayoutMk cId="4145436888" sldId="2147483670"/>
              <ac:spMk id="6" creationId="{A1F3548C-10AD-EB28-BA48-91C8FFFF5211}"/>
            </ac:spMkLst>
          </pc:spChg>
          <pc:spChg chg="mod">
            <ac:chgData name="Jonas Bratseth" userId="7880613d-1198-4bca-afa6-2725a9958330" providerId="ADAL" clId="{C5F6A8B2-8015-4AF9-8F9A-EBFE2882138B}" dt="2022-05-09T09:01:22.555" v="945" actId="14100"/>
            <ac:spMkLst>
              <pc:docMk/>
              <pc:sldMasterMk cId="750743933" sldId="2147483648"/>
              <pc:sldLayoutMk cId="4145436888" sldId="2147483670"/>
              <ac:spMk id="7" creationId="{8F04DE89-81A4-4BB5-B6A8-37F48E1E59EE}"/>
            </ac:spMkLst>
          </pc:spChg>
          <pc:spChg chg="add del mod">
            <ac:chgData name="Jonas Bratseth" userId="7880613d-1198-4bca-afa6-2725a9958330" providerId="ADAL" clId="{C5F6A8B2-8015-4AF9-8F9A-EBFE2882138B}" dt="2022-05-09T08:23:17.576" v="497"/>
            <ac:spMkLst>
              <pc:docMk/>
              <pc:sldMasterMk cId="750743933" sldId="2147483648"/>
              <pc:sldLayoutMk cId="4145436888" sldId="2147483670"/>
              <ac:spMk id="8" creationId="{221F29F6-5318-6933-95F5-14C3F61252E3}"/>
            </ac:spMkLst>
          </pc:spChg>
          <pc:spChg chg="add del mod">
            <ac:chgData name="Jonas Bratseth" userId="7880613d-1198-4bca-afa6-2725a9958330" providerId="ADAL" clId="{C5F6A8B2-8015-4AF9-8F9A-EBFE2882138B}" dt="2022-05-09T08:23:17.576" v="497"/>
            <ac:spMkLst>
              <pc:docMk/>
              <pc:sldMasterMk cId="750743933" sldId="2147483648"/>
              <pc:sldLayoutMk cId="4145436888" sldId="2147483670"/>
              <ac:spMk id="9" creationId="{56818593-B361-EA31-AB71-F17136F2A425}"/>
            </ac:spMkLst>
          </pc:spChg>
          <pc:spChg chg="add del mod">
            <ac:chgData name="Jonas Bratseth" userId="7880613d-1198-4bca-afa6-2725a9958330" providerId="ADAL" clId="{C5F6A8B2-8015-4AF9-8F9A-EBFE2882138B}" dt="2022-05-09T08:23:17.576" v="497"/>
            <ac:spMkLst>
              <pc:docMk/>
              <pc:sldMasterMk cId="750743933" sldId="2147483648"/>
              <pc:sldLayoutMk cId="4145436888" sldId="2147483670"/>
              <ac:spMk id="10" creationId="{A2DB3810-3BAA-A45D-C7DE-50997EB747F2}"/>
            </ac:spMkLst>
          </pc:spChg>
          <pc:spChg chg="add del mod">
            <ac:chgData name="Jonas Bratseth" userId="7880613d-1198-4bca-afa6-2725a9958330" providerId="ADAL" clId="{C5F6A8B2-8015-4AF9-8F9A-EBFE2882138B}" dt="2022-05-09T08:59:36.125" v="931"/>
            <ac:spMkLst>
              <pc:docMk/>
              <pc:sldMasterMk cId="750743933" sldId="2147483648"/>
              <pc:sldLayoutMk cId="4145436888" sldId="2147483670"/>
              <ac:spMk id="11" creationId="{4ACB47AA-D049-489E-3CC9-5F2637E852FD}"/>
            </ac:spMkLst>
          </pc:spChg>
          <pc:spChg chg="add del mod">
            <ac:chgData name="Jonas Bratseth" userId="7880613d-1198-4bca-afa6-2725a9958330" providerId="ADAL" clId="{C5F6A8B2-8015-4AF9-8F9A-EBFE2882138B}" dt="2022-05-09T08:59:36.125" v="931"/>
            <ac:spMkLst>
              <pc:docMk/>
              <pc:sldMasterMk cId="750743933" sldId="2147483648"/>
              <pc:sldLayoutMk cId="4145436888" sldId="2147483670"/>
              <ac:spMk id="12" creationId="{8174F015-9E7D-0307-DCA2-CC1A41774633}"/>
            </ac:spMkLst>
          </pc:spChg>
          <pc:spChg chg="add del mod">
            <ac:chgData name="Jonas Bratseth" userId="7880613d-1198-4bca-afa6-2725a9958330" providerId="ADAL" clId="{C5F6A8B2-8015-4AF9-8F9A-EBFE2882138B}" dt="2022-05-09T08:59:36.125" v="931"/>
            <ac:spMkLst>
              <pc:docMk/>
              <pc:sldMasterMk cId="750743933" sldId="2147483648"/>
              <pc:sldLayoutMk cId="4145436888" sldId="2147483670"/>
              <ac:spMk id="13" creationId="{D25AA07F-2D6A-8B25-C0F3-47E66BB7D117}"/>
            </ac:spMkLst>
          </pc:spChg>
          <pc:spChg chg="add del mod">
            <ac:chgData name="Jonas Bratseth" userId="7880613d-1198-4bca-afa6-2725a9958330" providerId="ADAL" clId="{C5F6A8B2-8015-4AF9-8F9A-EBFE2882138B}" dt="2022-05-09T08:57:54.175" v="904" actId="21"/>
            <ac:spMkLst>
              <pc:docMk/>
              <pc:sldMasterMk cId="750743933" sldId="2147483648"/>
              <pc:sldLayoutMk cId="4145436888" sldId="2147483670"/>
              <ac:spMk id="14" creationId="{F57BB02E-2C92-EB8F-54E6-81853A444A31}"/>
            </ac:spMkLst>
          </pc:spChg>
          <pc:spChg chg="add mod">
            <ac:chgData name="Jonas Bratseth" userId="7880613d-1198-4bca-afa6-2725a9958330" providerId="ADAL" clId="{C5F6A8B2-8015-4AF9-8F9A-EBFE2882138B}" dt="2022-05-09T08:59:36.365" v="932"/>
            <ac:spMkLst>
              <pc:docMk/>
              <pc:sldMasterMk cId="750743933" sldId="2147483648"/>
              <pc:sldLayoutMk cId="4145436888" sldId="2147483670"/>
              <ac:spMk id="15" creationId="{CD8944F7-7F2C-0FC8-7CDE-26C5A9D04C6B}"/>
            </ac:spMkLst>
          </pc:spChg>
          <pc:spChg chg="add mod">
            <ac:chgData name="Jonas Bratseth" userId="7880613d-1198-4bca-afa6-2725a9958330" providerId="ADAL" clId="{C5F6A8B2-8015-4AF9-8F9A-EBFE2882138B}" dt="2022-05-09T08:59:36.365" v="932"/>
            <ac:spMkLst>
              <pc:docMk/>
              <pc:sldMasterMk cId="750743933" sldId="2147483648"/>
              <pc:sldLayoutMk cId="4145436888" sldId="2147483670"/>
              <ac:spMk id="16" creationId="{6C5ABF75-3B86-4CC2-2236-F56940AE6C7E}"/>
            </ac:spMkLst>
          </pc:spChg>
          <pc:spChg chg="add mod">
            <ac:chgData name="Jonas Bratseth" userId="7880613d-1198-4bca-afa6-2725a9958330" providerId="ADAL" clId="{C5F6A8B2-8015-4AF9-8F9A-EBFE2882138B}" dt="2022-05-09T08:59:36.365" v="932"/>
            <ac:spMkLst>
              <pc:docMk/>
              <pc:sldMasterMk cId="750743933" sldId="2147483648"/>
              <pc:sldLayoutMk cId="4145436888" sldId="2147483670"/>
              <ac:spMk id="17" creationId="{5EB08652-C334-CDFE-9645-08489344C5B2}"/>
            </ac:spMkLst>
          </pc:spChg>
        </pc:sldLayoutChg>
        <pc:sldLayoutChg chg="addSp delSp modSp mod">
          <pc:chgData name="Jonas Bratseth" userId="7880613d-1198-4bca-afa6-2725a9958330" providerId="ADAL" clId="{C5F6A8B2-8015-4AF9-8F9A-EBFE2882138B}" dt="2022-05-09T09:01:05.855" v="944"/>
          <pc:sldLayoutMkLst>
            <pc:docMk/>
            <pc:sldMasterMk cId="750743933" sldId="2147483648"/>
            <pc:sldLayoutMk cId="3191163200" sldId="2147483688"/>
          </pc:sldLayoutMkLst>
          <pc:spChg chg="del">
            <ac:chgData name="Jonas Bratseth" userId="7880613d-1198-4bca-afa6-2725a9958330" providerId="ADAL" clId="{C5F6A8B2-8015-4AF9-8F9A-EBFE2882138B}" dt="2022-05-09T08:58:42.335" v="929" actId="478"/>
            <ac:spMkLst>
              <pc:docMk/>
              <pc:sldMasterMk cId="750743933" sldId="2147483648"/>
              <pc:sldLayoutMk cId="3191163200" sldId="2147483688"/>
              <ac:spMk id="5" creationId="{8EDAF1BB-D4DD-4390-8C59-BBD2D2C67E20}"/>
            </ac:spMkLst>
          </pc:spChg>
          <pc:spChg chg="mod">
            <ac:chgData name="Jonas Bratseth" userId="7880613d-1198-4bca-afa6-2725a9958330" providerId="ADAL" clId="{C5F6A8B2-8015-4AF9-8F9A-EBFE2882138B}" dt="2022-05-09T08:58:40.955" v="928" actId="1076"/>
            <ac:spMkLst>
              <pc:docMk/>
              <pc:sldMasterMk cId="750743933" sldId="2147483648"/>
              <pc:sldLayoutMk cId="3191163200" sldId="2147483688"/>
              <ac:spMk id="6" creationId="{9411C7D4-48C4-4B82-9272-C825344475C8}"/>
            </ac:spMkLst>
          </pc:spChg>
          <pc:spChg chg="del">
            <ac:chgData name="Jonas Bratseth" userId="7880613d-1198-4bca-afa6-2725a9958330" providerId="ADAL" clId="{C5F6A8B2-8015-4AF9-8F9A-EBFE2882138B}" dt="2022-05-09T08:58:42.335" v="929" actId="478"/>
            <ac:spMkLst>
              <pc:docMk/>
              <pc:sldMasterMk cId="750743933" sldId="2147483648"/>
              <pc:sldLayoutMk cId="3191163200" sldId="2147483688"/>
              <ac:spMk id="8" creationId="{83E9D99F-0012-4E73-A817-39C3B2316B8A}"/>
            </ac:spMkLst>
          </pc:spChg>
          <pc:spChg chg="add del mod">
            <ac:chgData name="Jonas Bratseth" userId="7880613d-1198-4bca-afa6-2725a9958330" providerId="ADAL" clId="{C5F6A8B2-8015-4AF9-8F9A-EBFE2882138B}" dt="2022-05-09T09:01:04.925" v="943" actId="478"/>
            <ac:spMkLst>
              <pc:docMk/>
              <pc:sldMasterMk cId="750743933" sldId="2147483648"/>
              <pc:sldLayoutMk cId="3191163200" sldId="2147483688"/>
              <ac:spMk id="9" creationId="{9E9A5A7E-CCD6-6A76-778E-ADA00AADD2EE}"/>
            </ac:spMkLst>
          </pc:spChg>
          <pc:spChg chg="add del mod">
            <ac:chgData name="Jonas Bratseth" userId="7880613d-1198-4bca-afa6-2725a9958330" providerId="ADAL" clId="{C5F6A8B2-8015-4AF9-8F9A-EBFE2882138B}" dt="2022-05-09T09:01:04.925" v="943" actId="478"/>
            <ac:spMkLst>
              <pc:docMk/>
              <pc:sldMasterMk cId="750743933" sldId="2147483648"/>
              <pc:sldLayoutMk cId="3191163200" sldId="2147483688"/>
              <ac:spMk id="10" creationId="{BE0D3EE9-2C2B-2026-63DB-527C676BA0A7}"/>
            </ac:spMkLst>
          </pc:spChg>
          <pc:spChg chg="add mod">
            <ac:chgData name="Jonas Bratseth" userId="7880613d-1198-4bca-afa6-2725a9958330" providerId="ADAL" clId="{C5F6A8B2-8015-4AF9-8F9A-EBFE2882138B}" dt="2022-05-09T09:01:05.855" v="944"/>
            <ac:spMkLst>
              <pc:docMk/>
              <pc:sldMasterMk cId="750743933" sldId="2147483648"/>
              <pc:sldLayoutMk cId="3191163200" sldId="2147483688"/>
              <ac:spMk id="11" creationId="{8A8CCE27-0A01-78FC-03C9-52789761530C}"/>
            </ac:spMkLst>
          </pc:spChg>
          <pc:spChg chg="add mod">
            <ac:chgData name="Jonas Bratseth" userId="7880613d-1198-4bca-afa6-2725a9958330" providerId="ADAL" clId="{C5F6A8B2-8015-4AF9-8F9A-EBFE2882138B}" dt="2022-05-09T09:01:05.855" v="944"/>
            <ac:spMkLst>
              <pc:docMk/>
              <pc:sldMasterMk cId="750743933" sldId="2147483648"/>
              <pc:sldLayoutMk cId="3191163200" sldId="2147483688"/>
              <ac:spMk id="12" creationId="{56D8A41F-02FF-3563-B403-D55BAB885E5E}"/>
            </ac:spMkLst>
          </pc:spChg>
          <pc:spChg chg="mod">
            <ac:chgData name="Jonas Bratseth" userId="7880613d-1198-4bca-afa6-2725a9958330" providerId="ADAL" clId="{C5F6A8B2-8015-4AF9-8F9A-EBFE2882138B}" dt="2022-05-09T07:04:58.177" v="126" actId="2711"/>
            <ac:spMkLst>
              <pc:docMk/>
              <pc:sldMasterMk cId="750743933" sldId="2147483648"/>
              <pc:sldLayoutMk cId="3191163200" sldId="2147483688"/>
              <ac:spMk id="14" creationId="{9D8E8E2B-3F64-4903-BA11-88E076433FB6}"/>
            </ac:spMkLst>
          </pc:spChg>
        </pc:sldLayoutChg>
        <pc:sldLayoutChg chg="addSp delSp modSp mod">
          <pc:chgData name="Jonas Bratseth" userId="7880613d-1198-4bca-afa6-2725a9958330" providerId="ADAL" clId="{C5F6A8B2-8015-4AF9-8F9A-EBFE2882138B}" dt="2022-05-09T08:23:39.557" v="510"/>
          <pc:sldLayoutMkLst>
            <pc:docMk/>
            <pc:sldMasterMk cId="750743933" sldId="2147483648"/>
            <pc:sldLayoutMk cId="1761091794" sldId="2147483692"/>
          </pc:sldLayoutMkLst>
          <pc:spChg chg="add del mod">
            <ac:chgData name="Jonas Bratseth" userId="7880613d-1198-4bca-afa6-2725a9958330" providerId="ADAL" clId="{C5F6A8B2-8015-4AF9-8F9A-EBFE2882138B}" dt="2022-05-09T07:26:10.156" v="284"/>
            <ac:spMkLst>
              <pc:docMk/>
              <pc:sldMasterMk cId="750743933" sldId="2147483648"/>
              <pc:sldLayoutMk cId="1761091794" sldId="2147483692"/>
              <ac:spMk id="3" creationId="{426F2D09-BC74-5579-57A0-A67D4506C6BE}"/>
            </ac:spMkLst>
          </pc:spChg>
          <pc:spChg chg="add del mod">
            <ac:chgData name="Jonas Bratseth" userId="7880613d-1198-4bca-afa6-2725a9958330" providerId="ADAL" clId="{C5F6A8B2-8015-4AF9-8F9A-EBFE2882138B}" dt="2022-05-09T07:26:10.916" v="294"/>
            <ac:spMkLst>
              <pc:docMk/>
              <pc:sldMasterMk cId="750743933" sldId="2147483648"/>
              <pc:sldLayoutMk cId="1761091794" sldId="2147483692"/>
              <ac:spMk id="4" creationId="{DEE99126-E3BA-4E6A-BAA2-190E6748947F}"/>
            </ac:spMkLst>
          </pc:spChg>
          <pc:spChg chg="add del mod">
            <ac:chgData name="Jonas Bratseth" userId="7880613d-1198-4bca-afa6-2725a9958330" providerId="ADAL" clId="{C5F6A8B2-8015-4AF9-8F9A-EBFE2882138B}" dt="2022-05-09T07:26:12.136" v="304"/>
            <ac:spMkLst>
              <pc:docMk/>
              <pc:sldMasterMk cId="750743933" sldId="2147483648"/>
              <pc:sldLayoutMk cId="1761091794" sldId="2147483692"/>
              <ac:spMk id="5" creationId="{0ED17D77-732D-AC5C-0904-B7F8E9791576}"/>
            </ac:spMkLst>
          </pc:spChg>
          <pc:spChg chg="mod">
            <ac:chgData name="Jonas Bratseth" userId="7880613d-1198-4bca-afa6-2725a9958330" providerId="ADAL" clId="{C5F6A8B2-8015-4AF9-8F9A-EBFE2882138B}" dt="2022-05-09T06:59:42.117" v="112" actId="1076"/>
            <ac:spMkLst>
              <pc:docMk/>
              <pc:sldMasterMk cId="750743933" sldId="2147483648"/>
              <pc:sldLayoutMk cId="1761091794" sldId="2147483692"/>
              <ac:spMk id="6" creationId="{39C633A9-1FFF-4537-8715-2AC956C6BE80}"/>
            </ac:spMkLst>
          </pc:spChg>
          <pc:spChg chg="add del mod">
            <ac:chgData name="Jonas Bratseth" userId="7880613d-1198-4bca-afa6-2725a9958330" providerId="ADAL" clId="{C5F6A8B2-8015-4AF9-8F9A-EBFE2882138B}" dt="2022-05-09T07:26:12.136" v="304"/>
            <ac:spMkLst>
              <pc:docMk/>
              <pc:sldMasterMk cId="750743933" sldId="2147483648"/>
              <pc:sldLayoutMk cId="1761091794" sldId="2147483692"/>
              <ac:spMk id="7" creationId="{32B8C940-39F3-450D-A5E9-074D998391CE}"/>
            </ac:spMkLst>
          </pc:spChg>
          <pc:spChg chg="add del mod">
            <ac:chgData name="Jonas Bratseth" userId="7880613d-1198-4bca-afa6-2725a9958330" providerId="ADAL" clId="{C5F6A8B2-8015-4AF9-8F9A-EBFE2882138B}" dt="2022-05-09T08:23:38.617" v="509"/>
            <ac:spMkLst>
              <pc:docMk/>
              <pc:sldMasterMk cId="750743933" sldId="2147483648"/>
              <pc:sldLayoutMk cId="1761091794" sldId="2147483692"/>
              <ac:spMk id="8" creationId="{DE19CBBE-ED67-1348-9CC5-498CA6D7342B}"/>
            </ac:spMkLst>
          </pc:spChg>
          <pc:spChg chg="add del mod">
            <ac:chgData name="Jonas Bratseth" userId="7880613d-1198-4bca-afa6-2725a9958330" providerId="ADAL" clId="{C5F6A8B2-8015-4AF9-8F9A-EBFE2882138B}" dt="2022-05-09T07:26:10.156" v="284"/>
            <ac:spMkLst>
              <pc:docMk/>
              <pc:sldMasterMk cId="750743933" sldId="2147483648"/>
              <pc:sldLayoutMk cId="1761091794" sldId="2147483692"/>
              <ac:spMk id="9" creationId="{811D9235-DDE9-4289-8F46-F0D05758E858}"/>
            </ac:spMkLst>
          </pc:spChg>
          <pc:spChg chg="mod">
            <ac:chgData name="Jonas Bratseth" userId="7880613d-1198-4bca-afa6-2725a9958330" providerId="ADAL" clId="{C5F6A8B2-8015-4AF9-8F9A-EBFE2882138B}" dt="2022-05-09T06:59:42.117" v="112" actId="1076"/>
            <ac:spMkLst>
              <pc:docMk/>
              <pc:sldMasterMk cId="750743933" sldId="2147483648"/>
              <pc:sldLayoutMk cId="1761091794" sldId="2147483692"/>
              <ac:spMk id="10" creationId="{BB489D15-1D3B-475B-804D-55D1F4B566B7}"/>
            </ac:spMkLst>
          </pc:spChg>
          <pc:spChg chg="add del mod">
            <ac:chgData name="Jonas Bratseth" userId="7880613d-1198-4bca-afa6-2725a9958330" providerId="ADAL" clId="{C5F6A8B2-8015-4AF9-8F9A-EBFE2882138B}" dt="2022-05-09T07:26:10.916" v="294"/>
            <ac:spMkLst>
              <pc:docMk/>
              <pc:sldMasterMk cId="750743933" sldId="2147483648"/>
              <pc:sldLayoutMk cId="1761091794" sldId="2147483692"/>
              <ac:spMk id="11" creationId="{929123D7-9B88-424A-A714-A5F0D0690309}"/>
            </ac:spMkLst>
          </pc:spChg>
          <pc:spChg chg="add del mod">
            <ac:chgData name="Jonas Bratseth" userId="7880613d-1198-4bca-afa6-2725a9958330" providerId="ADAL" clId="{C5F6A8B2-8015-4AF9-8F9A-EBFE2882138B}" dt="2022-05-09T08:23:38.617" v="509"/>
            <ac:spMkLst>
              <pc:docMk/>
              <pc:sldMasterMk cId="750743933" sldId="2147483648"/>
              <pc:sldLayoutMk cId="1761091794" sldId="2147483692"/>
              <ac:spMk id="12" creationId="{12ED422D-6821-EFB3-8F9B-1778D98F71D3}"/>
            </ac:spMkLst>
          </pc:spChg>
          <pc:spChg chg="mod">
            <ac:chgData name="Jonas Bratseth" userId="7880613d-1198-4bca-afa6-2725a9958330" providerId="ADAL" clId="{C5F6A8B2-8015-4AF9-8F9A-EBFE2882138B}" dt="2022-05-09T06:59:35.187" v="111" actId="1076"/>
            <ac:spMkLst>
              <pc:docMk/>
              <pc:sldMasterMk cId="750743933" sldId="2147483648"/>
              <pc:sldLayoutMk cId="1761091794" sldId="2147483692"/>
              <ac:spMk id="13" creationId="{7C40E28E-F22B-4290-AC19-015D2EF8E6B5}"/>
            </ac:spMkLst>
          </pc:spChg>
          <pc:spChg chg="add mod">
            <ac:chgData name="Jonas Bratseth" userId="7880613d-1198-4bca-afa6-2725a9958330" providerId="ADAL" clId="{C5F6A8B2-8015-4AF9-8F9A-EBFE2882138B}" dt="2022-05-09T08:23:39.557" v="510"/>
            <ac:spMkLst>
              <pc:docMk/>
              <pc:sldMasterMk cId="750743933" sldId="2147483648"/>
              <pc:sldLayoutMk cId="1761091794" sldId="2147483692"/>
              <ac:spMk id="14" creationId="{E96FC8D7-2851-46A5-E0B9-823151359D6B}"/>
            </ac:spMkLst>
          </pc:spChg>
          <pc:spChg chg="del">
            <ac:chgData name="Jonas Bratseth" userId="7880613d-1198-4bca-afa6-2725a9958330" providerId="ADAL" clId="{C5F6A8B2-8015-4AF9-8F9A-EBFE2882138B}" dt="2022-05-09T08:23:38.617" v="509"/>
            <ac:spMkLst>
              <pc:docMk/>
              <pc:sldMasterMk cId="750743933" sldId="2147483648"/>
              <pc:sldLayoutMk cId="1761091794" sldId="2147483692"/>
              <ac:spMk id="15" creationId="{C4B1CCD6-DE24-4885-B377-F22C82601BEA}"/>
            </ac:spMkLst>
          </pc:spChg>
          <pc:spChg chg="add mod">
            <ac:chgData name="Jonas Bratseth" userId="7880613d-1198-4bca-afa6-2725a9958330" providerId="ADAL" clId="{C5F6A8B2-8015-4AF9-8F9A-EBFE2882138B}" dt="2022-05-09T08:23:39.557" v="510"/>
            <ac:spMkLst>
              <pc:docMk/>
              <pc:sldMasterMk cId="750743933" sldId="2147483648"/>
              <pc:sldLayoutMk cId="1761091794" sldId="2147483692"/>
              <ac:spMk id="16" creationId="{C0B5D320-6B15-DF07-9150-C00F0D8641B8}"/>
            </ac:spMkLst>
          </pc:spChg>
          <pc:spChg chg="add mod">
            <ac:chgData name="Jonas Bratseth" userId="7880613d-1198-4bca-afa6-2725a9958330" providerId="ADAL" clId="{C5F6A8B2-8015-4AF9-8F9A-EBFE2882138B}" dt="2022-05-09T08:23:39.557" v="510"/>
            <ac:spMkLst>
              <pc:docMk/>
              <pc:sldMasterMk cId="750743933" sldId="2147483648"/>
              <pc:sldLayoutMk cId="1761091794" sldId="2147483692"/>
              <ac:spMk id="17" creationId="{851E2F86-1169-75B2-8382-DAAF775EDCBF}"/>
            </ac:spMkLst>
          </pc:spChg>
        </pc:sldLayoutChg>
        <pc:sldLayoutChg chg="addSp delSp modSp">
          <pc:chgData name="Jonas Bratseth" userId="7880613d-1198-4bca-afa6-2725a9958330" providerId="ADAL" clId="{C5F6A8B2-8015-4AF9-8F9A-EBFE2882138B}" dt="2022-05-09T08:24:02.117" v="534"/>
          <pc:sldLayoutMkLst>
            <pc:docMk/>
            <pc:sldMasterMk cId="750743933" sldId="2147483648"/>
            <pc:sldLayoutMk cId="4019057681" sldId="2147483696"/>
          </pc:sldLayoutMkLst>
          <pc:spChg chg="add del mod">
            <ac:chgData name="Jonas Bratseth" userId="7880613d-1198-4bca-afa6-2725a9958330" providerId="ADAL" clId="{C5F6A8B2-8015-4AF9-8F9A-EBFE2882138B}" dt="2022-05-09T08:24:01.677" v="533"/>
            <ac:spMkLst>
              <pc:docMk/>
              <pc:sldMasterMk cId="750743933" sldId="2147483648"/>
              <pc:sldLayoutMk cId="4019057681" sldId="2147483696"/>
              <ac:spMk id="3" creationId="{4A4B48E7-7D5F-7459-D8EF-8E7AF30F7323}"/>
            </ac:spMkLst>
          </pc:spChg>
          <pc:spChg chg="add del mod">
            <ac:chgData name="Jonas Bratseth" userId="7880613d-1198-4bca-afa6-2725a9958330" providerId="ADAL" clId="{C5F6A8B2-8015-4AF9-8F9A-EBFE2882138B}" dt="2022-05-09T08:24:01.677" v="533"/>
            <ac:spMkLst>
              <pc:docMk/>
              <pc:sldMasterMk cId="750743933" sldId="2147483648"/>
              <pc:sldLayoutMk cId="4019057681" sldId="2147483696"/>
              <ac:spMk id="4" creationId="{BAC65321-92E6-2C21-ED14-BEBA2022443F}"/>
            </ac:spMkLst>
          </pc:spChg>
          <pc:spChg chg="add mod">
            <ac:chgData name="Jonas Bratseth" userId="7880613d-1198-4bca-afa6-2725a9958330" providerId="ADAL" clId="{C5F6A8B2-8015-4AF9-8F9A-EBFE2882138B}" dt="2022-05-09T08:24:02.117" v="534"/>
            <ac:spMkLst>
              <pc:docMk/>
              <pc:sldMasterMk cId="750743933" sldId="2147483648"/>
              <pc:sldLayoutMk cId="4019057681" sldId="2147483696"/>
              <ac:spMk id="5" creationId="{C493EF1A-3D27-7F40-A097-1BF0DB5E146E}"/>
            </ac:spMkLst>
          </pc:spChg>
          <pc:spChg chg="del">
            <ac:chgData name="Jonas Bratseth" userId="7880613d-1198-4bca-afa6-2725a9958330" providerId="ADAL" clId="{C5F6A8B2-8015-4AF9-8F9A-EBFE2882138B}" dt="2022-05-09T08:24:01.677" v="533"/>
            <ac:spMkLst>
              <pc:docMk/>
              <pc:sldMasterMk cId="750743933" sldId="2147483648"/>
              <pc:sldLayoutMk cId="4019057681" sldId="2147483696"/>
              <ac:spMk id="6" creationId="{9819E40C-11F9-4CC9-A0F5-A28346A4DD61}"/>
            </ac:spMkLst>
          </pc:spChg>
          <pc:spChg chg="add mod">
            <ac:chgData name="Jonas Bratseth" userId="7880613d-1198-4bca-afa6-2725a9958330" providerId="ADAL" clId="{C5F6A8B2-8015-4AF9-8F9A-EBFE2882138B}" dt="2022-05-09T08:24:02.117" v="534"/>
            <ac:spMkLst>
              <pc:docMk/>
              <pc:sldMasterMk cId="750743933" sldId="2147483648"/>
              <pc:sldLayoutMk cId="4019057681" sldId="2147483696"/>
              <ac:spMk id="7" creationId="{A8342E54-CF39-2C2F-3FF2-CBE78ED05F17}"/>
            </ac:spMkLst>
          </pc:spChg>
          <pc:spChg chg="add mod">
            <ac:chgData name="Jonas Bratseth" userId="7880613d-1198-4bca-afa6-2725a9958330" providerId="ADAL" clId="{C5F6A8B2-8015-4AF9-8F9A-EBFE2882138B}" dt="2022-05-09T08:24:02.117" v="534"/>
            <ac:spMkLst>
              <pc:docMk/>
              <pc:sldMasterMk cId="750743933" sldId="2147483648"/>
              <pc:sldLayoutMk cId="4019057681" sldId="2147483696"/>
              <ac:spMk id="8" creationId="{87F40761-3355-6DEB-69D6-B0E1A581CF88}"/>
            </ac:spMkLst>
          </pc:spChg>
        </pc:sldLayoutChg>
        <pc:sldLayoutChg chg="addSp delSp modSp">
          <pc:chgData name="Jonas Bratseth" userId="7880613d-1198-4bca-afa6-2725a9958330" providerId="ADAL" clId="{C5F6A8B2-8015-4AF9-8F9A-EBFE2882138B}" dt="2022-05-09T08:23:46.346" v="519"/>
          <pc:sldLayoutMkLst>
            <pc:docMk/>
            <pc:sldMasterMk cId="750743933" sldId="2147483648"/>
            <pc:sldLayoutMk cId="415886399" sldId="2147483697"/>
          </pc:sldLayoutMkLst>
          <pc:spChg chg="add del mod">
            <ac:chgData name="Jonas Bratseth" userId="7880613d-1198-4bca-afa6-2725a9958330" providerId="ADAL" clId="{C5F6A8B2-8015-4AF9-8F9A-EBFE2882138B}" dt="2022-05-09T08:23:45.846" v="518"/>
            <ac:spMkLst>
              <pc:docMk/>
              <pc:sldMasterMk cId="750743933" sldId="2147483648"/>
              <pc:sldLayoutMk cId="415886399" sldId="2147483697"/>
              <ac:spMk id="3" creationId="{C954F4E9-E4E8-2210-6AB8-73E3F289AF0C}"/>
            </ac:spMkLst>
          </pc:spChg>
          <pc:spChg chg="add del mod">
            <ac:chgData name="Jonas Bratseth" userId="7880613d-1198-4bca-afa6-2725a9958330" providerId="ADAL" clId="{C5F6A8B2-8015-4AF9-8F9A-EBFE2882138B}" dt="2022-05-09T08:23:45.846" v="518"/>
            <ac:spMkLst>
              <pc:docMk/>
              <pc:sldMasterMk cId="750743933" sldId="2147483648"/>
              <pc:sldLayoutMk cId="415886399" sldId="2147483697"/>
              <ac:spMk id="4" creationId="{02F137A9-E2AF-75AB-6DBB-CC0599A94C25}"/>
            </ac:spMkLst>
          </pc:spChg>
          <pc:spChg chg="add mod">
            <ac:chgData name="Jonas Bratseth" userId="7880613d-1198-4bca-afa6-2725a9958330" providerId="ADAL" clId="{C5F6A8B2-8015-4AF9-8F9A-EBFE2882138B}" dt="2022-05-09T08:23:46.346" v="519"/>
            <ac:spMkLst>
              <pc:docMk/>
              <pc:sldMasterMk cId="750743933" sldId="2147483648"/>
              <pc:sldLayoutMk cId="415886399" sldId="2147483697"/>
              <ac:spMk id="5" creationId="{B7A65D5F-01ED-B738-E3E8-2A7330B0066B}"/>
            </ac:spMkLst>
          </pc:spChg>
          <pc:spChg chg="add mod">
            <ac:chgData name="Jonas Bratseth" userId="7880613d-1198-4bca-afa6-2725a9958330" providerId="ADAL" clId="{C5F6A8B2-8015-4AF9-8F9A-EBFE2882138B}" dt="2022-05-09T08:23:46.346" v="519"/>
            <ac:spMkLst>
              <pc:docMk/>
              <pc:sldMasterMk cId="750743933" sldId="2147483648"/>
              <pc:sldLayoutMk cId="415886399" sldId="2147483697"/>
              <ac:spMk id="6" creationId="{C580EF2A-D9F4-E566-1F87-8E52112E967E}"/>
            </ac:spMkLst>
          </pc:spChg>
          <pc:spChg chg="add mod">
            <ac:chgData name="Jonas Bratseth" userId="7880613d-1198-4bca-afa6-2725a9958330" providerId="ADAL" clId="{C5F6A8B2-8015-4AF9-8F9A-EBFE2882138B}" dt="2022-05-09T08:23:46.346" v="519"/>
            <ac:spMkLst>
              <pc:docMk/>
              <pc:sldMasterMk cId="750743933" sldId="2147483648"/>
              <pc:sldLayoutMk cId="415886399" sldId="2147483697"/>
              <ac:spMk id="7" creationId="{96619313-A68D-CD90-B62A-8563CDACFEBE}"/>
            </ac:spMkLst>
          </pc:spChg>
          <pc:spChg chg="mod">
            <ac:chgData name="Jonas Bratseth" userId="7880613d-1198-4bca-afa6-2725a9958330" providerId="ADAL" clId="{C5F6A8B2-8015-4AF9-8F9A-EBFE2882138B}" dt="2022-05-09T07:42:58.832" v="307" actId="2711"/>
            <ac:spMkLst>
              <pc:docMk/>
              <pc:sldMasterMk cId="750743933" sldId="2147483648"/>
              <pc:sldLayoutMk cId="415886399" sldId="2147483697"/>
              <ac:spMk id="8" creationId="{F6747267-EFBF-44BB-9183-953BF10B458F}"/>
            </ac:spMkLst>
          </pc:spChg>
          <pc:spChg chg="mod">
            <ac:chgData name="Jonas Bratseth" userId="7880613d-1198-4bca-afa6-2725a9958330" providerId="ADAL" clId="{C5F6A8B2-8015-4AF9-8F9A-EBFE2882138B}" dt="2022-05-09T07:42:58.832" v="307" actId="2711"/>
            <ac:spMkLst>
              <pc:docMk/>
              <pc:sldMasterMk cId="750743933" sldId="2147483648"/>
              <pc:sldLayoutMk cId="415886399" sldId="2147483697"/>
              <ac:spMk id="10" creationId="{FE31E4EF-E536-4BF9-9022-3B7F2DAC9C06}"/>
            </ac:spMkLst>
          </pc:spChg>
          <pc:spChg chg="mod">
            <ac:chgData name="Jonas Bratseth" userId="7880613d-1198-4bca-afa6-2725a9958330" providerId="ADAL" clId="{C5F6A8B2-8015-4AF9-8F9A-EBFE2882138B}" dt="2022-05-09T07:42:58.832" v="307" actId="2711"/>
            <ac:spMkLst>
              <pc:docMk/>
              <pc:sldMasterMk cId="750743933" sldId="2147483648"/>
              <pc:sldLayoutMk cId="415886399" sldId="2147483697"/>
              <ac:spMk id="11" creationId="{23BE2648-25FC-495F-B368-4BD2F773FC40}"/>
            </ac:spMkLst>
          </pc:spChg>
          <pc:spChg chg="mod">
            <ac:chgData name="Jonas Bratseth" userId="7880613d-1198-4bca-afa6-2725a9958330" providerId="ADAL" clId="{C5F6A8B2-8015-4AF9-8F9A-EBFE2882138B}" dt="2022-05-09T07:42:58.832" v="307" actId="2711"/>
            <ac:spMkLst>
              <pc:docMk/>
              <pc:sldMasterMk cId="750743933" sldId="2147483648"/>
              <pc:sldLayoutMk cId="415886399" sldId="2147483697"/>
              <ac:spMk id="12" creationId="{EE9E63F2-0D8E-4E93-9804-11C06A125F46}"/>
            </ac:spMkLst>
          </pc:spChg>
          <pc:spChg chg="del">
            <ac:chgData name="Jonas Bratseth" userId="7880613d-1198-4bca-afa6-2725a9958330" providerId="ADAL" clId="{C5F6A8B2-8015-4AF9-8F9A-EBFE2882138B}" dt="2022-05-09T08:23:45.846" v="518"/>
            <ac:spMkLst>
              <pc:docMk/>
              <pc:sldMasterMk cId="750743933" sldId="2147483648"/>
              <pc:sldLayoutMk cId="415886399" sldId="2147483697"/>
              <ac:spMk id="14" creationId="{1E09ED89-26A1-4FE1-A40F-EB42F632CDBD}"/>
            </ac:spMkLst>
          </pc:spChg>
        </pc:sldLayoutChg>
        <pc:sldLayoutChg chg="addSp delSp modSp mod">
          <pc:chgData name="Jonas Bratseth" userId="7880613d-1198-4bca-afa6-2725a9958330" providerId="ADAL" clId="{C5F6A8B2-8015-4AF9-8F9A-EBFE2882138B}" dt="2022-05-09T08:23:36.727" v="507"/>
          <pc:sldLayoutMkLst>
            <pc:docMk/>
            <pc:sldMasterMk cId="750743933" sldId="2147483648"/>
            <pc:sldLayoutMk cId="4227365594" sldId="2147483704"/>
          </pc:sldLayoutMkLst>
          <pc:spChg chg="add del mod">
            <ac:chgData name="Jonas Bratseth" userId="7880613d-1198-4bca-afa6-2725a9958330" providerId="ADAL" clId="{C5F6A8B2-8015-4AF9-8F9A-EBFE2882138B}" dt="2022-05-09T07:26:06.986" v="264"/>
            <ac:spMkLst>
              <pc:docMk/>
              <pc:sldMasterMk cId="750743933" sldId="2147483648"/>
              <pc:sldLayoutMk cId="4227365594" sldId="2147483704"/>
              <ac:spMk id="3" creationId="{E943A91F-F314-DA23-B68D-55610B3CEF10}"/>
            </ac:spMkLst>
          </pc:spChg>
          <pc:spChg chg="add del mod">
            <ac:chgData name="Jonas Bratseth" userId="7880613d-1198-4bca-afa6-2725a9958330" providerId="ADAL" clId="{C5F6A8B2-8015-4AF9-8F9A-EBFE2882138B}" dt="2022-05-09T07:26:09.466" v="274"/>
            <ac:spMkLst>
              <pc:docMk/>
              <pc:sldMasterMk cId="750743933" sldId="2147483648"/>
              <pc:sldLayoutMk cId="4227365594" sldId="2147483704"/>
              <ac:spMk id="4" creationId="{0D691621-DD0F-5BAC-86B5-A91955332351}"/>
            </ac:spMkLst>
          </pc:spChg>
          <pc:spChg chg="add del mod">
            <ac:chgData name="Jonas Bratseth" userId="7880613d-1198-4bca-afa6-2725a9958330" providerId="ADAL" clId="{C5F6A8B2-8015-4AF9-8F9A-EBFE2882138B}" dt="2022-05-09T08:23:36.506" v="506"/>
            <ac:spMkLst>
              <pc:docMk/>
              <pc:sldMasterMk cId="750743933" sldId="2147483648"/>
              <pc:sldLayoutMk cId="4227365594" sldId="2147483704"/>
              <ac:spMk id="5" creationId="{3F92B973-2600-37AC-0F8B-0874B15D9E20}"/>
            </ac:spMkLst>
          </pc:spChg>
          <pc:spChg chg="mod">
            <ac:chgData name="Jonas Bratseth" userId="7880613d-1198-4bca-afa6-2725a9958330" providerId="ADAL" clId="{C5F6A8B2-8015-4AF9-8F9A-EBFE2882138B}" dt="2022-05-09T06:58:20.997" v="106" actId="1076"/>
            <ac:spMkLst>
              <pc:docMk/>
              <pc:sldMasterMk cId="750743933" sldId="2147483648"/>
              <pc:sldLayoutMk cId="4227365594" sldId="2147483704"/>
              <ac:spMk id="6" creationId="{39C633A9-1FFF-4537-8715-2AC956C6BE80}"/>
            </ac:spMkLst>
          </pc:spChg>
          <pc:spChg chg="add del mod">
            <ac:chgData name="Jonas Bratseth" userId="7880613d-1198-4bca-afa6-2725a9958330" providerId="ADAL" clId="{C5F6A8B2-8015-4AF9-8F9A-EBFE2882138B}" dt="2022-05-09T07:26:09.466" v="274"/>
            <ac:spMkLst>
              <pc:docMk/>
              <pc:sldMasterMk cId="750743933" sldId="2147483648"/>
              <pc:sldLayoutMk cId="4227365594" sldId="2147483704"/>
              <ac:spMk id="7" creationId="{32B8C940-39F3-450D-A5E9-074D998391CE}"/>
            </ac:spMkLst>
          </pc:spChg>
          <pc:spChg chg="add del mod">
            <ac:chgData name="Jonas Bratseth" userId="7880613d-1198-4bca-afa6-2725a9958330" providerId="ADAL" clId="{C5F6A8B2-8015-4AF9-8F9A-EBFE2882138B}" dt="2022-05-09T08:23:36.506" v="506"/>
            <ac:spMkLst>
              <pc:docMk/>
              <pc:sldMasterMk cId="750743933" sldId="2147483648"/>
              <pc:sldLayoutMk cId="4227365594" sldId="2147483704"/>
              <ac:spMk id="8" creationId="{8C25E6A5-E3BB-EE07-A716-590127CAE5FE}"/>
            </ac:spMkLst>
          </pc:spChg>
          <pc:spChg chg="add del mod">
            <ac:chgData name="Jonas Bratseth" userId="7880613d-1198-4bca-afa6-2725a9958330" providerId="ADAL" clId="{C5F6A8B2-8015-4AF9-8F9A-EBFE2882138B}" dt="2022-05-09T07:26:06.986" v="264"/>
            <ac:spMkLst>
              <pc:docMk/>
              <pc:sldMasterMk cId="750743933" sldId="2147483648"/>
              <pc:sldLayoutMk cId="4227365594" sldId="2147483704"/>
              <ac:spMk id="9" creationId="{811D9235-DDE9-4289-8F46-F0D05758E858}"/>
            </ac:spMkLst>
          </pc:spChg>
          <pc:spChg chg="add mod">
            <ac:chgData name="Jonas Bratseth" userId="7880613d-1198-4bca-afa6-2725a9958330" providerId="ADAL" clId="{C5F6A8B2-8015-4AF9-8F9A-EBFE2882138B}" dt="2022-05-09T08:23:36.727" v="507"/>
            <ac:spMkLst>
              <pc:docMk/>
              <pc:sldMasterMk cId="750743933" sldId="2147483648"/>
              <pc:sldLayoutMk cId="4227365594" sldId="2147483704"/>
              <ac:spMk id="10" creationId="{4A894F9D-362B-75C6-D748-87BF776712E9}"/>
            </ac:spMkLst>
          </pc:spChg>
          <pc:spChg chg="del">
            <ac:chgData name="Jonas Bratseth" userId="7880613d-1198-4bca-afa6-2725a9958330" providerId="ADAL" clId="{C5F6A8B2-8015-4AF9-8F9A-EBFE2882138B}" dt="2022-05-09T08:23:36.506" v="506"/>
            <ac:spMkLst>
              <pc:docMk/>
              <pc:sldMasterMk cId="750743933" sldId="2147483648"/>
              <pc:sldLayoutMk cId="4227365594" sldId="2147483704"/>
              <ac:spMk id="11" creationId="{0E0D9193-69AD-43FB-9918-A2B29145892B}"/>
            </ac:spMkLst>
          </pc:spChg>
          <pc:spChg chg="add mod">
            <ac:chgData name="Jonas Bratseth" userId="7880613d-1198-4bca-afa6-2725a9958330" providerId="ADAL" clId="{C5F6A8B2-8015-4AF9-8F9A-EBFE2882138B}" dt="2022-05-09T08:23:36.727" v="507"/>
            <ac:spMkLst>
              <pc:docMk/>
              <pc:sldMasterMk cId="750743933" sldId="2147483648"/>
              <pc:sldLayoutMk cId="4227365594" sldId="2147483704"/>
              <ac:spMk id="12" creationId="{42DAD4FD-D9C4-10C8-F38F-E78379D8D9B5}"/>
            </ac:spMkLst>
          </pc:spChg>
          <pc:spChg chg="mod">
            <ac:chgData name="Jonas Bratseth" userId="7880613d-1198-4bca-afa6-2725a9958330" providerId="ADAL" clId="{C5F6A8B2-8015-4AF9-8F9A-EBFE2882138B}" dt="2022-05-09T06:58:15.727" v="105" actId="1076"/>
            <ac:spMkLst>
              <pc:docMk/>
              <pc:sldMasterMk cId="750743933" sldId="2147483648"/>
              <pc:sldLayoutMk cId="4227365594" sldId="2147483704"/>
              <ac:spMk id="13" creationId="{7C40E28E-F22B-4290-AC19-015D2EF8E6B5}"/>
            </ac:spMkLst>
          </pc:spChg>
          <pc:spChg chg="add mod">
            <ac:chgData name="Jonas Bratseth" userId="7880613d-1198-4bca-afa6-2725a9958330" providerId="ADAL" clId="{C5F6A8B2-8015-4AF9-8F9A-EBFE2882138B}" dt="2022-05-09T08:23:36.727" v="507"/>
            <ac:spMkLst>
              <pc:docMk/>
              <pc:sldMasterMk cId="750743933" sldId="2147483648"/>
              <pc:sldLayoutMk cId="4227365594" sldId="2147483704"/>
              <ac:spMk id="14" creationId="{AF55F553-7642-0947-2C76-FB38484F2E75}"/>
            </ac:spMkLst>
          </pc:spChg>
        </pc:sldLayoutChg>
        <pc:sldLayoutChg chg="addSp delSp modSp mod">
          <pc:chgData name="Jonas Bratseth" userId="7880613d-1198-4bca-afa6-2725a9958330" providerId="ADAL" clId="{C5F6A8B2-8015-4AF9-8F9A-EBFE2882138B}" dt="2022-05-09T08:23:42.017" v="513"/>
          <pc:sldLayoutMkLst>
            <pc:docMk/>
            <pc:sldMasterMk cId="750743933" sldId="2147483648"/>
            <pc:sldLayoutMk cId="3314286841" sldId="2147483705"/>
          </pc:sldLayoutMkLst>
          <pc:spChg chg="add del mod">
            <ac:chgData name="Jonas Bratseth" userId="7880613d-1198-4bca-afa6-2725a9958330" providerId="ADAL" clId="{C5F6A8B2-8015-4AF9-8F9A-EBFE2882138B}" dt="2022-05-09T07:25:52.036" v="204"/>
            <ac:spMkLst>
              <pc:docMk/>
              <pc:sldMasterMk cId="750743933" sldId="2147483648"/>
              <pc:sldLayoutMk cId="3314286841" sldId="2147483705"/>
              <ac:spMk id="3" creationId="{D7115261-4791-8C0C-6DB6-EEA15E72616C}"/>
            </ac:spMkLst>
          </pc:spChg>
          <pc:spChg chg="add del mod">
            <ac:chgData name="Jonas Bratseth" userId="7880613d-1198-4bca-afa6-2725a9958330" providerId="ADAL" clId="{C5F6A8B2-8015-4AF9-8F9A-EBFE2882138B}" dt="2022-05-09T08:23:40.986" v="512"/>
            <ac:spMkLst>
              <pc:docMk/>
              <pc:sldMasterMk cId="750743933" sldId="2147483648"/>
              <pc:sldLayoutMk cId="3314286841" sldId="2147483705"/>
              <ac:spMk id="4" creationId="{6B7BFB23-5BAC-CB00-B7BC-ABEE51380999}"/>
            </ac:spMkLst>
          </pc:spChg>
          <pc:spChg chg="add del mod">
            <ac:chgData name="Jonas Bratseth" userId="7880613d-1198-4bca-afa6-2725a9958330" providerId="ADAL" clId="{C5F6A8B2-8015-4AF9-8F9A-EBFE2882138B}" dt="2022-05-09T08:23:40.986" v="512"/>
            <ac:spMkLst>
              <pc:docMk/>
              <pc:sldMasterMk cId="750743933" sldId="2147483648"/>
              <pc:sldLayoutMk cId="3314286841" sldId="2147483705"/>
              <ac:spMk id="5" creationId="{D0E306B6-6706-4AB8-58DD-94C42A6451B4}"/>
            </ac:spMkLst>
          </pc:spChg>
          <pc:spChg chg="mod">
            <ac:chgData name="Jonas Bratseth" userId="7880613d-1198-4bca-afa6-2725a9958330" providerId="ADAL" clId="{C5F6A8B2-8015-4AF9-8F9A-EBFE2882138B}" dt="2022-05-09T07:03:18.867" v="119" actId="1076"/>
            <ac:spMkLst>
              <pc:docMk/>
              <pc:sldMasterMk cId="750743933" sldId="2147483648"/>
              <pc:sldLayoutMk cId="3314286841" sldId="2147483705"/>
              <ac:spMk id="6" creationId="{39C633A9-1FFF-4537-8715-2AC956C6BE80}"/>
            </ac:spMkLst>
          </pc:spChg>
          <pc:spChg chg="add mod">
            <ac:chgData name="Jonas Bratseth" userId="7880613d-1198-4bca-afa6-2725a9958330" providerId="ADAL" clId="{C5F6A8B2-8015-4AF9-8F9A-EBFE2882138B}" dt="2022-05-09T08:23:42.017" v="513"/>
            <ac:spMkLst>
              <pc:docMk/>
              <pc:sldMasterMk cId="750743933" sldId="2147483648"/>
              <pc:sldLayoutMk cId="3314286841" sldId="2147483705"/>
              <ac:spMk id="7" creationId="{F8317AFB-528B-2CD7-8E6E-72ECD993550E}"/>
            </ac:spMkLst>
          </pc:spChg>
          <pc:spChg chg="add mod">
            <ac:chgData name="Jonas Bratseth" userId="7880613d-1198-4bca-afa6-2725a9958330" providerId="ADAL" clId="{C5F6A8B2-8015-4AF9-8F9A-EBFE2882138B}" dt="2022-05-09T08:23:42.017" v="513"/>
            <ac:spMkLst>
              <pc:docMk/>
              <pc:sldMasterMk cId="750743933" sldId="2147483648"/>
              <pc:sldLayoutMk cId="3314286841" sldId="2147483705"/>
              <ac:spMk id="8" creationId="{2AA01896-05FF-374D-610F-101C877B6E9B}"/>
            </ac:spMkLst>
          </pc:spChg>
          <pc:spChg chg="add del mod">
            <ac:chgData name="Jonas Bratseth" userId="7880613d-1198-4bca-afa6-2725a9958330" providerId="ADAL" clId="{C5F6A8B2-8015-4AF9-8F9A-EBFE2882138B}" dt="2022-05-09T07:26:30.196" v="305" actId="2711"/>
            <ac:spMkLst>
              <pc:docMk/>
              <pc:sldMasterMk cId="750743933" sldId="2147483648"/>
              <pc:sldLayoutMk cId="3314286841" sldId="2147483705"/>
              <ac:spMk id="9" creationId="{811D9235-DDE9-4289-8F46-F0D05758E858}"/>
            </ac:spMkLst>
          </pc:spChg>
          <pc:spChg chg="mod">
            <ac:chgData name="Jonas Bratseth" userId="7880613d-1198-4bca-afa6-2725a9958330" providerId="ADAL" clId="{C5F6A8B2-8015-4AF9-8F9A-EBFE2882138B}" dt="2022-05-09T07:03:18.867" v="119" actId="1076"/>
            <ac:spMkLst>
              <pc:docMk/>
              <pc:sldMasterMk cId="750743933" sldId="2147483648"/>
              <pc:sldLayoutMk cId="3314286841" sldId="2147483705"/>
              <ac:spMk id="10" creationId="{BB489D15-1D3B-475B-804D-55D1F4B566B7}"/>
            </ac:spMkLst>
          </pc:spChg>
          <pc:spChg chg="add mod">
            <ac:chgData name="Jonas Bratseth" userId="7880613d-1198-4bca-afa6-2725a9958330" providerId="ADAL" clId="{C5F6A8B2-8015-4AF9-8F9A-EBFE2882138B}" dt="2022-05-09T08:23:42.017" v="513"/>
            <ac:spMkLst>
              <pc:docMk/>
              <pc:sldMasterMk cId="750743933" sldId="2147483648"/>
              <pc:sldLayoutMk cId="3314286841" sldId="2147483705"/>
              <ac:spMk id="11" creationId="{00F2EC0D-E6E1-D8C6-1E76-12C716917217}"/>
            </ac:spMkLst>
          </pc:spChg>
          <pc:spChg chg="mod">
            <ac:chgData name="Jonas Bratseth" userId="7880613d-1198-4bca-afa6-2725a9958330" providerId="ADAL" clId="{C5F6A8B2-8015-4AF9-8F9A-EBFE2882138B}" dt="2022-05-09T07:26:30.196" v="305" actId="2711"/>
            <ac:spMkLst>
              <pc:docMk/>
              <pc:sldMasterMk cId="750743933" sldId="2147483648"/>
              <pc:sldLayoutMk cId="3314286841" sldId="2147483705"/>
              <ac:spMk id="12" creationId="{1353C839-9966-4A19-AE29-71299F46D598}"/>
            </ac:spMkLst>
          </pc:spChg>
          <pc:spChg chg="mod">
            <ac:chgData name="Jonas Bratseth" userId="7880613d-1198-4bca-afa6-2725a9958330" providerId="ADAL" clId="{C5F6A8B2-8015-4AF9-8F9A-EBFE2882138B}" dt="2022-05-09T07:03:18.867" v="119" actId="1076"/>
            <ac:spMkLst>
              <pc:docMk/>
              <pc:sldMasterMk cId="750743933" sldId="2147483648"/>
              <pc:sldLayoutMk cId="3314286841" sldId="2147483705"/>
              <ac:spMk id="13" creationId="{7C40E28E-F22B-4290-AC19-015D2EF8E6B5}"/>
            </ac:spMkLst>
          </pc:spChg>
          <pc:spChg chg="mod">
            <ac:chgData name="Jonas Bratseth" userId="7880613d-1198-4bca-afa6-2725a9958330" providerId="ADAL" clId="{C5F6A8B2-8015-4AF9-8F9A-EBFE2882138B}" dt="2022-05-09T07:26:30.196" v="305" actId="2711"/>
            <ac:spMkLst>
              <pc:docMk/>
              <pc:sldMasterMk cId="750743933" sldId="2147483648"/>
              <pc:sldLayoutMk cId="3314286841" sldId="2147483705"/>
              <ac:spMk id="14" creationId="{0E603540-E738-4A65-864E-9CE8F767BD6D}"/>
            </ac:spMkLst>
          </pc:spChg>
          <pc:spChg chg="mod">
            <ac:chgData name="Jonas Bratseth" userId="7880613d-1198-4bca-afa6-2725a9958330" providerId="ADAL" clId="{C5F6A8B2-8015-4AF9-8F9A-EBFE2882138B}" dt="2022-05-09T07:03:09.107" v="118" actId="1076"/>
            <ac:spMkLst>
              <pc:docMk/>
              <pc:sldMasterMk cId="750743933" sldId="2147483648"/>
              <pc:sldLayoutMk cId="3314286841" sldId="2147483705"/>
              <ac:spMk id="16" creationId="{C3EFE82E-AFA9-4392-A98D-D7E91F50D3AD}"/>
            </ac:spMkLst>
          </pc:spChg>
          <pc:spChg chg="mod">
            <ac:chgData name="Jonas Bratseth" userId="7880613d-1198-4bca-afa6-2725a9958330" providerId="ADAL" clId="{C5F6A8B2-8015-4AF9-8F9A-EBFE2882138B}" dt="2022-05-09T07:26:30.196" v="305" actId="2711"/>
            <ac:spMkLst>
              <pc:docMk/>
              <pc:sldMasterMk cId="750743933" sldId="2147483648"/>
              <pc:sldLayoutMk cId="3314286841" sldId="2147483705"/>
              <ac:spMk id="17" creationId="{0B600F13-F9ED-4493-AEA6-C2211E17F328}"/>
            </ac:spMkLst>
          </pc:spChg>
          <pc:spChg chg="del">
            <ac:chgData name="Jonas Bratseth" userId="7880613d-1198-4bca-afa6-2725a9958330" providerId="ADAL" clId="{C5F6A8B2-8015-4AF9-8F9A-EBFE2882138B}" dt="2022-05-09T08:23:40.986" v="512"/>
            <ac:spMkLst>
              <pc:docMk/>
              <pc:sldMasterMk cId="750743933" sldId="2147483648"/>
              <pc:sldLayoutMk cId="3314286841" sldId="2147483705"/>
              <ac:spMk id="19" creationId="{BC6E86D0-4AE7-46BC-A435-E79A60A5FA38}"/>
            </ac:spMkLst>
          </pc:spChg>
        </pc:sldLayoutChg>
        <pc:sldLayoutChg chg="addSp delSp modSp">
          <pc:chgData name="Jonas Bratseth" userId="7880613d-1198-4bca-afa6-2725a9958330" providerId="ADAL" clId="{C5F6A8B2-8015-4AF9-8F9A-EBFE2882138B}" dt="2022-05-09T08:23:43.906" v="516"/>
          <pc:sldLayoutMkLst>
            <pc:docMk/>
            <pc:sldMasterMk cId="750743933" sldId="2147483648"/>
            <pc:sldLayoutMk cId="1766422034" sldId="2147483714"/>
          </pc:sldLayoutMkLst>
          <pc:spChg chg="add del mod">
            <ac:chgData name="Jonas Bratseth" userId="7880613d-1198-4bca-afa6-2725a9958330" providerId="ADAL" clId="{C5F6A8B2-8015-4AF9-8F9A-EBFE2882138B}" dt="2022-05-09T08:23:43.556" v="515"/>
            <ac:spMkLst>
              <pc:docMk/>
              <pc:sldMasterMk cId="750743933" sldId="2147483648"/>
              <pc:sldLayoutMk cId="1766422034" sldId="2147483714"/>
              <ac:spMk id="3" creationId="{185D5821-C95B-5D75-0783-A24C61C1003B}"/>
            </ac:spMkLst>
          </pc:spChg>
          <pc:spChg chg="add del mod">
            <ac:chgData name="Jonas Bratseth" userId="7880613d-1198-4bca-afa6-2725a9958330" providerId="ADAL" clId="{C5F6A8B2-8015-4AF9-8F9A-EBFE2882138B}" dt="2022-05-09T08:23:43.556" v="515"/>
            <ac:spMkLst>
              <pc:docMk/>
              <pc:sldMasterMk cId="750743933" sldId="2147483648"/>
              <pc:sldLayoutMk cId="1766422034" sldId="2147483714"/>
              <ac:spMk id="4" creationId="{976E3FA3-38A6-1830-037A-FB2D8C4A4309}"/>
            </ac:spMkLst>
          </pc:spChg>
          <pc:spChg chg="add mod">
            <ac:chgData name="Jonas Bratseth" userId="7880613d-1198-4bca-afa6-2725a9958330" providerId="ADAL" clId="{C5F6A8B2-8015-4AF9-8F9A-EBFE2882138B}" dt="2022-05-09T08:23:43.906" v="516"/>
            <ac:spMkLst>
              <pc:docMk/>
              <pc:sldMasterMk cId="750743933" sldId="2147483648"/>
              <pc:sldLayoutMk cId="1766422034" sldId="2147483714"/>
              <ac:spMk id="5" creationId="{8A6A8B95-4578-BD68-AB8F-98DB49CFD74D}"/>
            </ac:spMkLst>
          </pc:spChg>
          <pc:spChg chg="add mod">
            <ac:chgData name="Jonas Bratseth" userId="7880613d-1198-4bca-afa6-2725a9958330" providerId="ADAL" clId="{C5F6A8B2-8015-4AF9-8F9A-EBFE2882138B}" dt="2022-05-09T08:23:43.906" v="516"/>
            <ac:spMkLst>
              <pc:docMk/>
              <pc:sldMasterMk cId="750743933" sldId="2147483648"/>
              <pc:sldLayoutMk cId="1766422034" sldId="2147483714"/>
              <ac:spMk id="7" creationId="{BA250F37-0F6D-5D09-09AA-307FD40B12A3}"/>
            </ac:spMkLst>
          </pc:spChg>
          <pc:spChg chg="add mod">
            <ac:chgData name="Jonas Bratseth" userId="7880613d-1198-4bca-afa6-2725a9958330" providerId="ADAL" clId="{C5F6A8B2-8015-4AF9-8F9A-EBFE2882138B}" dt="2022-05-09T08:23:43.906" v="516"/>
            <ac:spMkLst>
              <pc:docMk/>
              <pc:sldMasterMk cId="750743933" sldId="2147483648"/>
              <pc:sldLayoutMk cId="1766422034" sldId="2147483714"/>
              <ac:spMk id="8" creationId="{E51CA9CF-018B-A7F6-7331-0403F1521549}"/>
            </ac:spMkLst>
          </pc:spChg>
          <pc:spChg chg="mod">
            <ac:chgData name="Jonas Bratseth" userId="7880613d-1198-4bca-afa6-2725a9958330" providerId="ADAL" clId="{C5F6A8B2-8015-4AF9-8F9A-EBFE2882138B}" dt="2022-05-09T07:42:39.743" v="306" actId="2711"/>
            <ac:spMkLst>
              <pc:docMk/>
              <pc:sldMasterMk cId="750743933" sldId="2147483648"/>
              <pc:sldLayoutMk cId="1766422034" sldId="2147483714"/>
              <ac:spMk id="17" creationId="{81F4C872-ADC6-4CB7-A95B-67721B28B3BA}"/>
            </ac:spMkLst>
          </pc:spChg>
          <pc:spChg chg="mod">
            <ac:chgData name="Jonas Bratseth" userId="7880613d-1198-4bca-afa6-2725a9958330" providerId="ADAL" clId="{C5F6A8B2-8015-4AF9-8F9A-EBFE2882138B}" dt="2022-05-09T07:42:39.743" v="306" actId="2711"/>
            <ac:spMkLst>
              <pc:docMk/>
              <pc:sldMasterMk cId="750743933" sldId="2147483648"/>
              <pc:sldLayoutMk cId="1766422034" sldId="2147483714"/>
              <ac:spMk id="18" creationId="{6C46C9DB-FDA2-4D7F-AE1E-DCF46A0EC357}"/>
            </ac:spMkLst>
          </pc:spChg>
          <pc:spChg chg="mod">
            <ac:chgData name="Jonas Bratseth" userId="7880613d-1198-4bca-afa6-2725a9958330" providerId="ADAL" clId="{C5F6A8B2-8015-4AF9-8F9A-EBFE2882138B}" dt="2022-05-09T07:42:39.743" v="306" actId="2711"/>
            <ac:spMkLst>
              <pc:docMk/>
              <pc:sldMasterMk cId="750743933" sldId="2147483648"/>
              <pc:sldLayoutMk cId="1766422034" sldId="2147483714"/>
              <ac:spMk id="19" creationId="{90A9BB8B-DC94-4781-BC39-9CF0E2C0ED17}"/>
            </ac:spMkLst>
          </pc:spChg>
          <pc:spChg chg="mod">
            <ac:chgData name="Jonas Bratseth" userId="7880613d-1198-4bca-afa6-2725a9958330" providerId="ADAL" clId="{C5F6A8B2-8015-4AF9-8F9A-EBFE2882138B}" dt="2022-05-09T07:42:39.743" v="306" actId="2711"/>
            <ac:spMkLst>
              <pc:docMk/>
              <pc:sldMasterMk cId="750743933" sldId="2147483648"/>
              <pc:sldLayoutMk cId="1766422034" sldId="2147483714"/>
              <ac:spMk id="20" creationId="{89A977F4-3F57-4229-A296-E33CE6E0E74B}"/>
            </ac:spMkLst>
          </pc:spChg>
          <pc:spChg chg="mod">
            <ac:chgData name="Jonas Bratseth" userId="7880613d-1198-4bca-afa6-2725a9958330" providerId="ADAL" clId="{C5F6A8B2-8015-4AF9-8F9A-EBFE2882138B}" dt="2022-05-09T07:42:39.743" v="306" actId="2711"/>
            <ac:spMkLst>
              <pc:docMk/>
              <pc:sldMasterMk cId="750743933" sldId="2147483648"/>
              <pc:sldLayoutMk cId="1766422034" sldId="2147483714"/>
              <ac:spMk id="21" creationId="{0A1BAC33-EE11-4422-B2BC-1EA0C02293FB}"/>
            </ac:spMkLst>
          </pc:spChg>
          <pc:spChg chg="del">
            <ac:chgData name="Jonas Bratseth" userId="7880613d-1198-4bca-afa6-2725a9958330" providerId="ADAL" clId="{C5F6A8B2-8015-4AF9-8F9A-EBFE2882138B}" dt="2022-05-09T08:23:43.556" v="515"/>
            <ac:spMkLst>
              <pc:docMk/>
              <pc:sldMasterMk cId="750743933" sldId="2147483648"/>
              <pc:sldLayoutMk cId="1766422034" sldId="2147483714"/>
              <ac:spMk id="22" creationId="{2B10A327-405D-42CA-9F67-2AF8ABA2131E}"/>
            </ac:spMkLst>
          </pc:spChg>
        </pc:sldLayoutChg>
        <pc:sldLayoutChg chg="addSp delSp modSp">
          <pc:chgData name="Jonas Bratseth" userId="7880613d-1198-4bca-afa6-2725a9958330" providerId="ADAL" clId="{C5F6A8B2-8015-4AF9-8F9A-EBFE2882138B}" dt="2022-05-09T08:23:49.666" v="522"/>
          <pc:sldLayoutMkLst>
            <pc:docMk/>
            <pc:sldMasterMk cId="750743933" sldId="2147483648"/>
            <pc:sldLayoutMk cId="2045479274" sldId="2147483715"/>
          </pc:sldLayoutMkLst>
          <pc:spChg chg="add del mod">
            <ac:chgData name="Jonas Bratseth" userId="7880613d-1198-4bca-afa6-2725a9958330" providerId="ADAL" clId="{C5F6A8B2-8015-4AF9-8F9A-EBFE2882138B}" dt="2022-05-09T08:23:49.227" v="521"/>
            <ac:spMkLst>
              <pc:docMk/>
              <pc:sldMasterMk cId="750743933" sldId="2147483648"/>
              <pc:sldLayoutMk cId="2045479274" sldId="2147483715"/>
              <ac:spMk id="3" creationId="{232035EC-0722-160F-DE32-29FA8D8863E1}"/>
            </ac:spMkLst>
          </pc:spChg>
          <pc:spChg chg="add del mod">
            <ac:chgData name="Jonas Bratseth" userId="7880613d-1198-4bca-afa6-2725a9958330" providerId="ADAL" clId="{C5F6A8B2-8015-4AF9-8F9A-EBFE2882138B}" dt="2022-05-09T08:23:49.227" v="521"/>
            <ac:spMkLst>
              <pc:docMk/>
              <pc:sldMasterMk cId="750743933" sldId="2147483648"/>
              <pc:sldLayoutMk cId="2045479274" sldId="2147483715"/>
              <ac:spMk id="4" creationId="{704B7F3D-5538-6D4F-27E1-4619B446FDA5}"/>
            </ac:spMkLst>
          </pc:spChg>
          <pc:spChg chg="add mod">
            <ac:chgData name="Jonas Bratseth" userId="7880613d-1198-4bca-afa6-2725a9958330" providerId="ADAL" clId="{C5F6A8B2-8015-4AF9-8F9A-EBFE2882138B}" dt="2022-05-09T08:23:49.666" v="522"/>
            <ac:spMkLst>
              <pc:docMk/>
              <pc:sldMasterMk cId="750743933" sldId="2147483648"/>
              <pc:sldLayoutMk cId="2045479274" sldId="2147483715"/>
              <ac:spMk id="5" creationId="{967BC008-F171-60A6-F767-2CCA9725DF46}"/>
            </ac:spMkLst>
          </pc:spChg>
          <pc:spChg chg="add mod">
            <ac:chgData name="Jonas Bratseth" userId="7880613d-1198-4bca-afa6-2725a9958330" providerId="ADAL" clId="{C5F6A8B2-8015-4AF9-8F9A-EBFE2882138B}" dt="2022-05-09T08:23:49.666" v="522"/>
            <ac:spMkLst>
              <pc:docMk/>
              <pc:sldMasterMk cId="750743933" sldId="2147483648"/>
              <pc:sldLayoutMk cId="2045479274" sldId="2147483715"/>
              <ac:spMk id="6" creationId="{71F6CA7D-DA76-6A0A-D5D0-34FB1277FC5E}"/>
            </ac:spMkLst>
          </pc:spChg>
          <pc:spChg chg="add mod">
            <ac:chgData name="Jonas Bratseth" userId="7880613d-1198-4bca-afa6-2725a9958330" providerId="ADAL" clId="{C5F6A8B2-8015-4AF9-8F9A-EBFE2882138B}" dt="2022-05-09T08:23:49.666" v="522"/>
            <ac:spMkLst>
              <pc:docMk/>
              <pc:sldMasterMk cId="750743933" sldId="2147483648"/>
              <pc:sldLayoutMk cId="2045479274" sldId="2147483715"/>
              <ac:spMk id="7" creationId="{781844CB-D118-2AD0-DAD1-73F935DB6FA8}"/>
            </ac:spMkLst>
          </pc:spChg>
          <pc:spChg chg="del">
            <ac:chgData name="Jonas Bratseth" userId="7880613d-1198-4bca-afa6-2725a9958330" providerId="ADAL" clId="{C5F6A8B2-8015-4AF9-8F9A-EBFE2882138B}" dt="2022-05-09T08:23:49.227" v="521"/>
            <ac:spMkLst>
              <pc:docMk/>
              <pc:sldMasterMk cId="750743933" sldId="2147483648"/>
              <pc:sldLayoutMk cId="2045479274" sldId="2147483715"/>
              <ac:spMk id="22" creationId="{15589A20-B34D-47F9-883F-6C734E90FE4E}"/>
            </ac:spMkLst>
          </pc:spChg>
        </pc:sldLayoutChg>
        <pc:sldLayoutChg chg="addSp delSp modSp">
          <pc:chgData name="Jonas Bratseth" userId="7880613d-1198-4bca-afa6-2725a9958330" providerId="ADAL" clId="{C5F6A8B2-8015-4AF9-8F9A-EBFE2882138B}" dt="2022-05-09T08:23:53.876" v="525"/>
          <pc:sldLayoutMkLst>
            <pc:docMk/>
            <pc:sldMasterMk cId="750743933" sldId="2147483648"/>
            <pc:sldLayoutMk cId="4199085092" sldId="2147483717"/>
          </pc:sldLayoutMkLst>
          <pc:spChg chg="add del mod">
            <ac:chgData name="Jonas Bratseth" userId="7880613d-1198-4bca-afa6-2725a9958330" providerId="ADAL" clId="{C5F6A8B2-8015-4AF9-8F9A-EBFE2882138B}" dt="2022-05-09T08:23:53.487" v="524"/>
            <ac:spMkLst>
              <pc:docMk/>
              <pc:sldMasterMk cId="750743933" sldId="2147483648"/>
              <pc:sldLayoutMk cId="4199085092" sldId="2147483717"/>
              <ac:spMk id="3" creationId="{CFDE9EEE-41A8-E0AE-5C20-D67F23BF3F8C}"/>
            </ac:spMkLst>
          </pc:spChg>
          <pc:spChg chg="add del mod">
            <ac:chgData name="Jonas Bratseth" userId="7880613d-1198-4bca-afa6-2725a9958330" providerId="ADAL" clId="{C5F6A8B2-8015-4AF9-8F9A-EBFE2882138B}" dt="2022-05-09T08:23:53.487" v="524"/>
            <ac:spMkLst>
              <pc:docMk/>
              <pc:sldMasterMk cId="750743933" sldId="2147483648"/>
              <pc:sldLayoutMk cId="4199085092" sldId="2147483717"/>
              <ac:spMk id="4" creationId="{A7A82F55-095B-5C8A-A68F-1312EF0C3006}"/>
            </ac:spMkLst>
          </pc:spChg>
          <pc:spChg chg="add mod">
            <ac:chgData name="Jonas Bratseth" userId="7880613d-1198-4bca-afa6-2725a9958330" providerId="ADAL" clId="{C5F6A8B2-8015-4AF9-8F9A-EBFE2882138B}" dt="2022-05-09T08:23:53.876" v="525"/>
            <ac:spMkLst>
              <pc:docMk/>
              <pc:sldMasterMk cId="750743933" sldId="2147483648"/>
              <pc:sldLayoutMk cId="4199085092" sldId="2147483717"/>
              <ac:spMk id="5" creationId="{BA607F2A-B944-98FB-CAC2-D9A4F5592B73}"/>
            </ac:spMkLst>
          </pc:spChg>
          <pc:spChg chg="add mod">
            <ac:chgData name="Jonas Bratseth" userId="7880613d-1198-4bca-afa6-2725a9958330" providerId="ADAL" clId="{C5F6A8B2-8015-4AF9-8F9A-EBFE2882138B}" dt="2022-05-09T08:23:53.876" v="525"/>
            <ac:spMkLst>
              <pc:docMk/>
              <pc:sldMasterMk cId="750743933" sldId="2147483648"/>
              <pc:sldLayoutMk cId="4199085092" sldId="2147483717"/>
              <ac:spMk id="7" creationId="{25B4DCF7-B49F-CAE3-E9F1-DE389943194E}"/>
            </ac:spMkLst>
          </pc:spChg>
          <pc:spChg chg="add mod">
            <ac:chgData name="Jonas Bratseth" userId="7880613d-1198-4bca-afa6-2725a9958330" providerId="ADAL" clId="{C5F6A8B2-8015-4AF9-8F9A-EBFE2882138B}" dt="2022-05-09T08:23:53.876" v="525"/>
            <ac:spMkLst>
              <pc:docMk/>
              <pc:sldMasterMk cId="750743933" sldId="2147483648"/>
              <pc:sldLayoutMk cId="4199085092" sldId="2147483717"/>
              <ac:spMk id="9" creationId="{231F5D8E-BBBA-56B8-F20E-673489E6078A}"/>
            </ac:spMkLst>
          </pc:spChg>
          <pc:spChg chg="mod">
            <ac:chgData name="Jonas Bratseth" userId="7880613d-1198-4bca-afa6-2725a9958330" providerId="ADAL" clId="{C5F6A8B2-8015-4AF9-8F9A-EBFE2882138B}" dt="2022-05-09T07:43:23.209" v="308" actId="2711"/>
            <ac:spMkLst>
              <pc:docMk/>
              <pc:sldMasterMk cId="750743933" sldId="2147483648"/>
              <pc:sldLayoutMk cId="4199085092" sldId="2147483717"/>
              <ac:spMk id="16" creationId="{C3EFE82E-AFA9-4392-A98D-D7E91F50D3AD}"/>
            </ac:spMkLst>
          </pc:spChg>
          <pc:spChg chg="del">
            <ac:chgData name="Jonas Bratseth" userId="7880613d-1198-4bca-afa6-2725a9958330" providerId="ADAL" clId="{C5F6A8B2-8015-4AF9-8F9A-EBFE2882138B}" dt="2022-05-09T08:23:53.487" v="524"/>
            <ac:spMkLst>
              <pc:docMk/>
              <pc:sldMasterMk cId="750743933" sldId="2147483648"/>
              <pc:sldLayoutMk cId="4199085092" sldId="2147483717"/>
              <ac:spMk id="19" creationId="{61A31FA8-45E7-4F21-920C-1CD45F20D7EB}"/>
            </ac:spMkLst>
          </pc:spChg>
          <pc:spChg chg="mod">
            <ac:chgData name="Jonas Bratseth" userId="7880613d-1198-4bca-afa6-2725a9958330" providerId="ADAL" clId="{C5F6A8B2-8015-4AF9-8F9A-EBFE2882138B}" dt="2022-05-09T07:43:23.209" v="308" actId="2711"/>
            <ac:spMkLst>
              <pc:docMk/>
              <pc:sldMasterMk cId="750743933" sldId="2147483648"/>
              <pc:sldLayoutMk cId="4199085092" sldId="2147483717"/>
              <ac:spMk id="35" creationId="{67B5BB42-EBC1-4D9B-957E-57865842A511}"/>
            </ac:spMkLst>
          </pc:spChg>
          <pc:spChg chg="mod">
            <ac:chgData name="Jonas Bratseth" userId="7880613d-1198-4bca-afa6-2725a9958330" providerId="ADAL" clId="{C5F6A8B2-8015-4AF9-8F9A-EBFE2882138B}" dt="2022-05-09T07:43:23.209" v="308" actId="2711"/>
            <ac:spMkLst>
              <pc:docMk/>
              <pc:sldMasterMk cId="750743933" sldId="2147483648"/>
              <pc:sldLayoutMk cId="4199085092" sldId="2147483717"/>
              <ac:spMk id="47" creationId="{DACA3139-8734-4F03-B7AE-06497028D8C4}"/>
            </ac:spMkLst>
          </pc:spChg>
          <pc:spChg chg="mod">
            <ac:chgData name="Jonas Bratseth" userId="7880613d-1198-4bca-afa6-2725a9958330" providerId="ADAL" clId="{C5F6A8B2-8015-4AF9-8F9A-EBFE2882138B}" dt="2022-05-09T07:43:23.209" v="308" actId="2711"/>
            <ac:spMkLst>
              <pc:docMk/>
              <pc:sldMasterMk cId="750743933" sldId="2147483648"/>
              <pc:sldLayoutMk cId="4199085092" sldId="2147483717"/>
              <ac:spMk id="51" creationId="{9B87CD94-7A09-4FBF-8581-99B20B7C8576}"/>
            </ac:spMkLst>
          </pc:spChg>
        </pc:sldLayoutChg>
        <pc:sldLayoutChg chg="addSp delSp modSp mod">
          <pc:chgData name="Jonas Bratseth" userId="7880613d-1198-4bca-afa6-2725a9958330" providerId="ADAL" clId="{C5F6A8B2-8015-4AF9-8F9A-EBFE2882138B}" dt="2022-05-09T10:01:00.392" v="1135" actId="207"/>
          <pc:sldLayoutMkLst>
            <pc:docMk/>
            <pc:sldMasterMk cId="750743933" sldId="2147483648"/>
            <pc:sldLayoutMk cId="1376239089" sldId="2147483748"/>
          </pc:sldLayoutMkLst>
          <pc:spChg chg="add del mod">
            <ac:chgData name="Jonas Bratseth" userId="7880613d-1198-4bca-afa6-2725a9958330" providerId="ADAL" clId="{C5F6A8B2-8015-4AF9-8F9A-EBFE2882138B}" dt="2022-05-09T08:22:54.706" v="485"/>
            <ac:spMkLst>
              <pc:docMk/>
              <pc:sldMasterMk cId="750743933" sldId="2147483648"/>
              <pc:sldLayoutMk cId="1376239089" sldId="2147483748"/>
              <ac:spMk id="2" creationId="{ABD91B3D-D7B1-CBE2-E139-27C45BC2EF07}"/>
            </ac:spMkLst>
          </pc:spChg>
          <pc:spChg chg="add del mod">
            <ac:chgData name="Jonas Bratseth" userId="7880613d-1198-4bca-afa6-2725a9958330" providerId="ADAL" clId="{C5F6A8B2-8015-4AF9-8F9A-EBFE2882138B}" dt="2022-05-09T08:18:01.557" v="395" actId="21"/>
            <ac:spMkLst>
              <pc:docMk/>
              <pc:sldMasterMk cId="750743933" sldId="2147483648"/>
              <pc:sldLayoutMk cId="1376239089" sldId="2147483748"/>
              <ac:spMk id="4" creationId="{8AE63B48-4B2E-86F9-DA45-393792B7BBAF}"/>
            </ac:spMkLst>
          </pc:spChg>
          <pc:spChg chg="add del mod">
            <ac:chgData name="Jonas Bratseth" userId="7880613d-1198-4bca-afa6-2725a9958330" providerId="ADAL" clId="{C5F6A8B2-8015-4AF9-8F9A-EBFE2882138B}" dt="2022-05-09T08:19:33.376" v="448" actId="21"/>
            <ac:spMkLst>
              <pc:docMk/>
              <pc:sldMasterMk cId="750743933" sldId="2147483648"/>
              <pc:sldLayoutMk cId="1376239089" sldId="2147483748"/>
              <ac:spMk id="5" creationId="{B8F93708-9A3D-B7E6-4BE4-DB5B1340B20E}"/>
            </ac:spMkLst>
          </pc:spChg>
          <pc:spChg chg="add del mod">
            <ac:chgData name="Jonas Bratseth" userId="7880613d-1198-4bca-afa6-2725a9958330" providerId="ADAL" clId="{C5F6A8B2-8015-4AF9-8F9A-EBFE2882138B}" dt="2022-05-09T08:22:54.706" v="485"/>
            <ac:spMkLst>
              <pc:docMk/>
              <pc:sldMasterMk cId="750743933" sldId="2147483648"/>
              <pc:sldLayoutMk cId="1376239089" sldId="2147483748"/>
              <ac:spMk id="6" creationId="{423918AC-C2A6-72F2-5C09-BB2CF1863378}"/>
            </ac:spMkLst>
          </pc:spChg>
          <pc:spChg chg="add del mod">
            <ac:chgData name="Jonas Bratseth" userId="7880613d-1198-4bca-afa6-2725a9958330" providerId="ADAL" clId="{C5F6A8B2-8015-4AF9-8F9A-EBFE2882138B}" dt="2022-05-09T08:22:58.186" v="487" actId="478"/>
            <ac:spMkLst>
              <pc:docMk/>
              <pc:sldMasterMk cId="750743933" sldId="2147483648"/>
              <pc:sldLayoutMk cId="1376239089" sldId="2147483748"/>
              <ac:spMk id="7" creationId="{4C245686-AE5D-36B7-B00E-DF3D242B95F6}"/>
            </ac:spMkLst>
          </pc:spChg>
          <pc:spChg chg="add mod">
            <ac:chgData name="Jonas Bratseth" userId="7880613d-1198-4bca-afa6-2725a9958330" providerId="ADAL" clId="{C5F6A8B2-8015-4AF9-8F9A-EBFE2882138B}" dt="2022-05-09T08:22:55.837" v="486"/>
            <ac:spMkLst>
              <pc:docMk/>
              <pc:sldMasterMk cId="750743933" sldId="2147483648"/>
              <pc:sldLayoutMk cId="1376239089" sldId="2147483748"/>
              <ac:spMk id="8" creationId="{BE2B6EFE-9CAD-633A-F77C-EF13F0D5E227}"/>
            </ac:spMkLst>
          </pc:spChg>
          <pc:spChg chg="add mod">
            <ac:chgData name="Jonas Bratseth" userId="7880613d-1198-4bca-afa6-2725a9958330" providerId="ADAL" clId="{C5F6A8B2-8015-4AF9-8F9A-EBFE2882138B}" dt="2022-05-09T08:22:55.837" v="486"/>
            <ac:spMkLst>
              <pc:docMk/>
              <pc:sldMasterMk cId="750743933" sldId="2147483648"/>
              <pc:sldLayoutMk cId="1376239089" sldId="2147483748"/>
              <ac:spMk id="9" creationId="{EC3F93DF-77C2-8B2B-7AD7-C78ABD1C9D8E}"/>
            </ac:spMkLst>
          </pc:spChg>
          <pc:spChg chg="del mod modVis">
            <ac:chgData name="Jonas Bratseth" userId="7880613d-1198-4bca-afa6-2725a9958330" providerId="ADAL" clId="{C5F6A8B2-8015-4AF9-8F9A-EBFE2882138B}" dt="2022-05-09T08:22:54.706" v="485"/>
            <ac:spMkLst>
              <pc:docMk/>
              <pc:sldMasterMk cId="750743933" sldId="2147483648"/>
              <pc:sldLayoutMk cId="1376239089" sldId="2147483748"/>
              <ac:spMk id="11" creationId="{A4B5E9D0-5AD0-4620-898F-B8CBAD3BCBA3}"/>
            </ac:spMkLst>
          </pc:spChg>
          <pc:spChg chg="mod">
            <ac:chgData name="Jonas Bratseth" userId="7880613d-1198-4bca-afa6-2725a9958330" providerId="ADAL" clId="{C5F6A8B2-8015-4AF9-8F9A-EBFE2882138B}" dt="2022-05-09T07:04:44.667" v="124" actId="2711"/>
            <ac:spMkLst>
              <pc:docMk/>
              <pc:sldMasterMk cId="750743933" sldId="2147483648"/>
              <pc:sldLayoutMk cId="1376239089" sldId="2147483748"/>
              <ac:spMk id="13" creationId="{8EDF94FC-487E-4582-A68F-1CE82F069903}"/>
            </ac:spMkLst>
          </pc:spChg>
          <pc:spChg chg="add del mod">
            <ac:chgData name="Jonas Bratseth" userId="7880613d-1198-4bca-afa6-2725a9958330" providerId="ADAL" clId="{C5F6A8B2-8015-4AF9-8F9A-EBFE2882138B}" dt="2022-05-09T10:00:53.032" v="1132" actId="478"/>
            <ac:spMkLst>
              <pc:docMk/>
              <pc:sldMasterMk cId="750743933" sldId="2147483648"/>
              <pc:sldLayoutMk cId="1376239089" sldId="2147483748"/>
              <ac:spMk id="15" creationId="{A65B3A2A-8F92-ADAB-3AD5-437B3B7C0A86}"/>
            </ac:spMkLst>
          </pc:spChg>
          <pc:spChg chg="mod">
            <ac:chgData name="Jonas Bratseth" userId="7880613d-1198-4bca-afa6-2725a9958330" providerId="ADAL" clId="{C5F6A8B2-8015-4AF9-8F9A-EBFE2882138B}" dt="2022-05-09T10:01:00.392" v="1135" actId="207"/>
            <ac:spMkLst>
              <pc:docMk/>
              <pc:sldMasterMk cId="750743933" sldId="2147483648"/>
              <pc:sldLayoutMk cId="1376239089" sldId="2147483748"/>
              <ac:spMk id="18" creationId="{3891292E-00E9-453D-967C-3464D9CCC4F7}"/>
            </ac:spMkLst>
          </pc:spChg>
          <pc:picChg chg="add del mod modCrop">
            <ac:chgData name="Jonas Bratseth" userId="7880613d-1198-4bca-afa6-2725a9958330" providerId="ADAL" clId="{C5F6A8B2-8015-4AF9-8F9A-EBFE2882138B}" dt="2022-05-09T10:00:56.432" v="1133" actId="21"/>
            <ac:picMkLst>
              <pc:docMk/>
              <pc:sldMasterMk cId="750743933" sldId="2147483648"/>
              <pc:sldLayoutMk cId="1376239089" sldId="2147483748"/>
              <ac:picMk id="14" creationId="{DC71453B-FB9A-0B1D-6D39-4BDCD7426EA8}"/>
            </ac:picMkLst>
          </pc:picChg>
          <pc:picChg chg="add del">
            <ac:chgData name="Jonas Bratseth" userId="7880613d-1198-4bca-afa6-2725a9958330" providerId="ADAL" clId="{C5F6A8B2-8015-4AF9-8F9A-EBFE2882138B}" dt="2022-05-09T08:18:29.997" v="405" actId="478"/>
            <ac:picMkLst>
              <pc:docMk/>
              <pc:sldMasterMk cId="750743933" sldId="2147483648"/>
              <pc:sldLayoutMk cId="1376239089" sldId="2147483748"/>
              <ac:picMk id="31" creationId="{655D799E-E9E5-46D2-A4A8-C2991ED7CD80}"/>
            </ac:picMkLst>
          </pc:picChg>
        </pc:sldLayoutChg>
        <pc:sldLayoutChg chg="addSp delSp modSp">
          <pc:chgData name="Jonas Bratseth" userId="7880613d-1198-4bca-afa6-2725a9958330" providerId="ADAL" clId="{C5F6A8B2-8015-4AF9-8F9A-EBFE2882138B}" dt="2022-05-09T08:23:56.437" v="528"/>
          <pc:sldLayoutMkLst>
            <pc:docMk/>
            <pc:sldMasterMk cId="750743933" sldId="2147483648"/>
            <pc:sldLayoutMk cId="2171981857" sldId="2147483749"/>
          </pc:sldLayoutMkLst>
          <pc:spChg chg="add del mod">
            <ac:chgData name="Jonas Bratseth" userId="7880613d-1198-4bca-afa6-2725a9958330" providerId="ADAL" clId="{C5F6A8B2-8015-4AF9-8F9A-EBFE2882138B}" dt="2022-05-09T08:23:55.986" v="527"/>
            <ac:spMkLst>
              <pc:docMk/>
              <pc:sldMasterMk cId="750743933" sldId="2147483648"/>
              <pc:sldLayoutMk cId="2171981857" sldId="2147483749"/>
              <ac:spMk id="3" creationId="{57C4690B-4AAE-F32B-9D5F-0BF4540EC29B}"/>
            </ac:spMkLst>
          </pc:spChg>
          <pc:spChg chg="add del mod">
            <ac:chgData name="Jonas Bratseth" userId="7880613d-1198-4bca-afa6-2725a9958330" providerId="ADAL" clId="{C5F6A8B2-8015-4AF9-8F9A-EBFE2882138B}" dt="2022-05-09T08:23:55.986" v="527"/>
            <ac:spMkLst>
              <pc:docMk/>
              <pc:sldMasterMk cId="750743933" sldId="2147483648"/>
              <pc:sldLayoutMk cId="2171981857" sldId="2147483749"/>
              <ac:spMk id="4" creationId="{ACAEC542-6DDA-BEA4-B69B-3D2594139AF1}"/>
            </ac:spMkLst>
          </pc:spChg>
          <pc:spChg chg="add mod">
            <ac:chgData name="Jonas Bratseth" userId="7880613d-1198-4bca-afa6-2725a9958330" providerId="ADAL" clId="{C5F6A8B2-8015-4AF9-8F9A-EBFE2882138B}" dt="2022-05-09T08:23:56.437" v="528"/>
            <ac:spMkLst>
              <pc:docMk/>
              <pc:sldMasterMk cId="750743933" sldId="2147483648"/>
              <pc:sldLayoutMk cId="2171981857" sldId="2147483749"/>
              <ac:spMk id="5" creationId="{00526124-2E9C-0929-D044-6FA8C701BC39}"/>
            </ac:spMkLst>
          </pc:spChg>
          <pc:spChg chg="add mod">
            <ac:chgData name="Jonas Bratseth" userId="7880613d-1198-4bca-afa6-2725a9958330" providerId="ADAL" clId="{C5F6A8B2-8015-4AF9-8F9A-EBFE2882138B}" dt="2022-05-09T08:23:56.437" v="528"/>
            <ac:spMkLst>
              <pc:docMk/>
              <pc:sldMasterMk cId="750743933" sldId="2147483648"/>
              <pc:sldLayoutMk cId="2171981857" sldId="2147483749"/>
              <ac:spMk id="6" creationId="{C043C33F-737E-1FB3-B2D7-BB579F98102E}"/>
            </ac:spMkLst>
          </pc:spChg>
          <pc:spChg chg="add mod">
            <ac:chgData name="Jonas Bratseth" userId="7880613d-1198-4bca-afa6-2725a9958330" providerId="ADAL" clId="{C5F6A8B2-8015-4AF9-8F9A-EBFE2882138B}" dt="2022-05-09T08:23:56.437" v="528"/>
            <ac:spMkLst>
              <pc:docMk/>
              <pc:sldMasterMk cId="750743933" sldId="2147483648"/>
              <pc:sldLayoutMk cId="2171981857" sldId="2147483749"/>
              <ac:spMk id="7" creationId="{880A6D46-4D35-5FEE-FB68-B209AEBA1458}"/>
            </ac:spMkLst>
          </pc:spChg>
          <pc:spChg chg="mod">
            <ac:chgData name="Jonas Bratseth" userId="7880613d-1198-4bca-afa6-2725a9958330" providerId="ADAL" clId="{C5F6A8B2-8015-4AF9-8F9A-EBFE2882138B}" dt="2022-05-09T07:43:39.268" v="309" actId="2711"/>
            <ac:spMkLst>
              <pc:docMk/>
              <pc:sldMasterMk cId="750743933" sldId="2147483648"/>
              <pc:sldLayoutMk cId="2171981857" sldId="2147483749"/>
              <ac:spMk id="16" creationId="{C3EFE82E-AFA9-4392-A98D-D7E91F50D3AD}"/>
            </ac:spMkLst>
          </pc:spChg>
          <pc:spChg chg="del">
            <ac:chgData name="Jonas Bratseth" userId="7880613d-1198-4bca-afa6-2725a9958330" providerId="ADAL" clId="{C5F6A8B2-8015-4AF9-8F9A-EBFE2882138B}" dt="2022-05-09T08:23:55.986" v="527"/>
            <ac:spMkLst>
              <pc:docMk/>
              <pc:sldMasterMk cId="750743933" sldId="2147483648"/>
              <pc:sldLayoutMk cId="2171981857" sldId="2147483749"/>
              <ac:spMk id="19" creationId="{61A31FA8-45E7-4F21-920C-1CD45F20D7EB}"/>
            </ac:spMkLst>
          </pc:spChg>
          <pc:spChg chg="mod">
            <ac:chgData name="Jonas Bratseth" userId="7880613d-1198-4bca-afa6-2725a9958330" providerId="ADAL" clId="{C5F6A8B2-8015-4AF9-8F9A-EBFE2882138B}" dt="2022-05-09T07:43:39.268" v="309" actId="2711"/>
            <ac:spMkLst>
              <pc:docMk/>
              <pc:sldMasterMk cId="750743933" sldId="2147483648"/>
              <pc:sldLayoutMk cId="2171981857" sldId="2147483749"/>
              <ac:spMk id="35" creationId="{67B5BB42-EBC1-4D9B-957E-57865842A511}"/>
            </ac:spMkLst>
          </pc:spChg>
          <pc:spChg chg="mod">
            <ac:chgData name="Jonas Bratseth" userId="7880613d-1198-4bca-afa6-2725a9958330" providerId="ADAL" clId="{C5F6A8B2-8015-4AF9-8F9A-EBFE2882138B}" dt="2022-05-09T07:43:39.268" v="309" actId="2711"/>
            <ac:spMkLst>
              <pc:docMk/>
              <pc:sldMasterMk cId="750743933" sldId="2147483648"/>
              <pc:sldLayoutMk cId="2171981857" sldId="2147483749"/>
              <ac:spMk id="47" creationId="{DACA3139-8734-4F03-B7AE-06497028D8C4}"/>
            </ac:spMkLst>
          </pc:spChg>
          <pc:spChg chg="mod">
            <ac:chgData name="Jonas Bratseth" userId="7880613d-1198-4bca-afa6-2725a9958330" providerId="ADAL" clId="{C5F6A8B2-8015-4AF9-8F9A-EBFE2882138B}" dt="2022-05-09T07:43:39.268" v="309" actId="2711"/>
            <ac:spMkLst>
              <pc:docMk/>
              <pc:sldMasterMk cId="750743933" sldId="2147483648"/>
              <pc:sldLayoutMk cId="2171981857" sldId="2147483749"/>
              <ac:spMk id="51" creationId="{9B87CD94-7A09-4FBF-8581-99B20B7C8576}"/>
            </ac:spMkLst>
          </pc:spChg>
        </pc:sldLayoutChg>
        <pc:sldLayoutChg chg="addSp delSp modSp add mod modTransition">
          <pc:chgData name="Jonas Bratseth" userId="7880613d-1198-4bca-afa6-2725a9958330" providerId="ADAL" clId="{C5F6A8B2-8015-4AF9-8F9A-EBFE2882138B}" dt="2022-05-09T08:23:59.107" v="531"/>
          <pc:sldLayoutMkLst>
            <pc:docMk/>
            <pc:sldMasterMk cId="750743933" sldId="2147483648"/>
            <pc:sldLayoutMk cId="752363221" sldId="2147483790"/>
          </pc:sldLayoutMkLst>
          <pc:spChg chg="add del mod">
            <ac:chgData name="Jonas Bratseth" userId="7880613d-1198-4bca-afa6-2725a9958330" providerId="ADAL" clId="{C5F6A8B2-8015-4AF9-8F9A-EBFE2882138B}" dt="2022-05-09T08:23:58.727" v="530"/>
            <ac:spMkLst>
              <pc:docMk/>
              <pc:sldMasterMk cId="750743933" sldId="2147483648"/>
              <pc:sldLayoutMk cId="752363221" sldId="2147483790"/>
              <ac:spMk id="3" creationId="{A99E0920-6A9F-560E-ABD5-842AFDCF1FC1}"/>
            </ac:spMkLst>
          </pc:spChg>
          <pc:spChg chg="add del mod">
            <ac:chgData name="Jonas Bratseth" userId="7880613d-1198-4bca-afa6-2725a9958330" providerId="ADAL" clId="{C5F6A8B2-8015-4AF9-8F9A-EBFE2882138B}" dt="2022-05-09T08:23:58.727" v="530"/>
            <ac:spMkLst>
              <pc:docMk/>
              <pc:sldMasterMk cId="750743933" sldId="2147483648"/>
              <pc:sldLayoutMk cId="752363221" sldId="2147483790"/>
              <ac:spMk id="4" creationId="{D7CE04AB-4FC1-437C-6AB3-D3C38572877A}"/>
            </ac:spMkLst>
          </pc:spChg>
          <pc:spChg chg="add mod">
            <ac:chgData name="Jonas Bratseth" userId="7880613d-1198-4bca-afa6-2725a9958330" providerId="ADAL" clId="{C5F6A8B2-8015-4AF9-8F9A-EBFE2882138B}" dt="2022-05-09T08:23:59.107" v="531"/>
            <ac:spMkLst>
              <pc:docMk/>
              <pc:sldMasterMk cId="750743933" sldId="2147483648"/>
              <pc:sldLayoutMk cId="752363221" sldId="2147483790"/>
              <ac:spMk id="5" creationId="{57680573-56D6-D035-D738-B8B7047CA170}"/>
            </ac:spMkLst>
          </pc:spChg>
          <pc:spChg chg="add mod">
            <ac:chgData name="Jonas Bratseth" userId="7880613d-1198-4bca-afa6-2725a9958330" providerId="ADAL" clId="{C5F6A8B2-8015-4AF9-8F9A-EBFE2882138B}" dt="2022-05-09T08:23:59.107" v="531"/>
            <ac:spMkLst>
              <pc:docMk/>
              <pc:sldMasterMk cId="750743933" sldId="2147483648"/>
              <pc:sldLayoutMk cId="752363221" sldId="2147483790"/>
              <ac:spMk id="6" creationId="{843EF8E0-453F-7ACC-3F13-04FB3D738C1A}"/>
            </ac:spMkLst>
          </pc:spChg>
          <pc:spChg chg="add mod">
            <ac:chgData name="Jonas Bratseth" userId="7880613d-1198-4bca-afa6-2725a9958330" providerId="ADAL" clId="{C5F6A8B2-8015-4AF9-8F9A-EBFE2882138B}" dt="2022-05-09T08:23:59.107" v="531"/>
            <ac:spMkLst>
              <pc:docMk/>
              <pc:sldMasterMk cId="750743933" sldId="2147483648"/>
              <pc:sldLayoutMk cId="752363221" sldId="2147483790"/>
              <ac:spMk id="7" creationId="{321B2B2E-987E-5E6A-505F-4E820529CDC0}"/>
            </ac:spMkLst>
          </pc:spChg>
          <pc:spChg chg="mod">
            <ac:chgData name="Jonas Bratseth" userId="7880613d-1198-4bca-afa6-2725a9958330" providerId="ADAL" clId="{C5F6A8B2-8015-4AF9-8F9A-EBFE2882138B}" dt="2022-05-09T06:50:57.517" v="92" actId="207"/>
            <ac:spMkLst>
              <pc:docMk/>
              <pc:sldMasterMk cId="750743933" sldId="2147483648"/>
              <pc:sldLayoutMk cId="752363221" sldId="2147483790"/>
              <ac:spMk id="8" creationId="{B2115B63-85A5-424E-8342-6645D629D5D7}"/>
            </ac:spMkLst>
          </pc:spChg>
          <pc:spChg chg="mod">
            <ac:chgData name="Jonas Bratseth" userId="7880613d-1198-4bca-afa6-2725a9958330" providerId="ADAL" clId="{C5F6A8B2-8015-4AF9-8F9A-EBFE2882138B}" dt="2022-05-09T07:44:06.118" v="310" actId="2711"/>
            <ac:spMkLst>
              <pc:docMk/>
              <pc:sldMasterMk cId="750743933" sldId="2147483648"/>
              <pc:sldLayoutMk cId="752363221" sldId="2147483790"/>
              <ac:spMk id="16" creationId="{C3EFE82E-AFA9-4392-A98D-D7E91F50D3AD}"/>
            </ac:spMkLst>
          </pc:spChg>
          <pc:spChg chg="del">
            <ac:chgData name="Jonas Bratseth" userId="7880613d-1198-4bca-afa6-2725a9958330" providerId="ADAL" clId="{C5F6A8B2-8015-4AF9-8F9A-EBFE2882138B}" dt="2022-05-09T08:23:58.727" v="530"/>
            <ac:spMkLst>
              <pc:docMk/>
              <pc:sldMasterMk cId="750743933" sldId="2147483648"/>
              <pc:sldLayoutMk cId="752363221" sldId="2147483790"/>
              <ac:spMk id="19" creationId="{61A31FA8-45E7-4F21-920C-1CD45F20D7EB}"/>
            </ac:spMkLst>
          </pc:spChg>
          <pc:spChg chg="mod">
            <ac:chgData name="Jonas Bratseth" userId="7880613d-1198-4bca-afa6-2725a9958330" providerId="ADAL" clId="{C5F6A8B2-8015-4AF9-8F9A-EBFE2882138B}" dt="2022-05-09T06:51:31.527" v="100" actId="207"/>
            <ac:spMkLst>
              <pc:docMk/>
              <pc:sldMasterMk cId="750743933" sldId="2147483648"/>
              <pc:sldLayoutMk cId="752363221" sldId="2147483790"/>
              <ac:spMk id="33" creationId="{E07438C8-A866-46E1-83D8-57B8568CBD53}"/>
            </ac:spMkLst>
          </pc:spChg>
          <pc:spChg chg="mod">
            <ac:chgData name="Jonas Bratseth" userId="7880613d-1198-4bca-afa6-2725a9958330" providerId="ADAL" clId="{C5F6A8B2-8015-4AF9-8F9A-EBFE2882138B}" dt="2022-05-09T07:44:06.118" v="310" actId="2711"/>
            <ac:spMkLst>
              <pc:docMk/>
              <pc:sldMasterMk cId="750743933" sldId="2147483648"/>
              <pc:sldLayoutMk cId="752363221" sldId="2147483790"/>
              <ac:spMk id="35" creationId="{67B5BB42-EBC1-4D9B-957E-57865842A511}"/>
            </ac:spMkLst>
          </pc:spChg>
          <pc:spChg chg="mod">
            <ac:chgData name="Jonas Bratseth" userId="7880613d-1198-4bca-afa6-2725a9958330" providerId="ADAL" clId="{C5F6A8B2-8015-4AF9-8F9A-EBFE2882138B}" dt="2022-05-09T06:52:03.819" v="103" actId="207"/>
            <ac:spMkLst>
              <pc:docMk/>
              <pc:sldMasterMk cId="750743933" sldId="2147483648"/>
              <pc:sldLayoutMk cId="752363221" sldId="2147483790"/>
              <ac:spMk id="45" creationId="{2FA69E3C-7E3D-45A8-92CC-0988924A2E86}"/>
            </ac:spMkLst>
          </pc:spChg>
          <pc:spChg chg="mod">
            <ac:chgData name="Jonas Bratseth" userId="7880613d-1198-4bca-afa6-2725a9958330" providerId="ADAL" clId="{C5F6A8B2-8015-4AF9-8F9A-EBFE2882138B}" dt="2022-05-09T07:44:06.118" v="310" actId="2711"/>
            <ac:spMkLst>
              <pc:docMk/>
              <pc:sldMasterMk cId="750743933" sldId="2147483648"/>
              <pc:sldLayoutMk cId="752363221" sldId="2147483790"/>
              <ac:spMk id="47" creationId="{DACA3139-8734-4F03-B7AE-06497028D8C4}"/>
            </ac:spMkLst>
          </pc:spChg>
          <pc:spChg chg="mod">
            <ac:chgData name="Jonas Bratseth" userId="7880613d-1198-4bca-afa6-2725a9958330" providerId="ADAL" clId="{C5F6A8B2-8015-4AF9-8F9A-EBFE2882138B}" dt="2022-05-09T06:52:03.819" v="103" actId="207"/>
            <ac:spMkLst>
              <pc:docMk/>
              <pc:sldMasterMk cId="750743933" sldId="2147483648"/>
              <pc:sldLayoutMk cId="752363221" sldId="2147483790"/>
              <ac:spMk id="50" creationId="{A5A52AAA-CB54-4150-A3ED-F5BB9358E630}"/>
            </ac:spMkLst>
          </pc:spChg>
          <pc:spChg chg="mod">
            <ac:chgData name="Jonas Bratseth" userId="7880613d-1198-4bca-afa6-2725a9958330" providerId="ADAL" clId="{C5F6A8B2-8015-4AF9-8F9A-EBFE2882138B}" dt="2022-05-09T07:44:06.118" v="310" actId="2711"/>
            <ac:spMkLst>
              <pc:docMk/>
              <pc:sldMasterMk cId="750743933" sldId="2147483648"/>
              <pc:sldLayoutMk cId="752363221" sldId="2147483790"/>
              <ac:spMk id="51" creationId="{9B87CD94-7A09-4FBF-8581-99B20B7C8576}"/>
            </ac:spMkLst>
          </pc:spChg>
        </pc:sldLayoutChg>
        <pc:sldLayoutChg chg="add del mod ord replId modTransition">
          <pc:chgData name="Jonas Bratseth" userId="7880613d-1198-4bca-afa6-2725a9958330" providerId="ADAL" clId="{C5F6A8B2-8015-4AF9-8F9A-EBFE2882138B}" dt="2022-05-09T09:57:53.222" v="1032" actId="2696"/>
          <pc:sldLayoutMkLst>
            <pc:docMk/>
            <pc:sldMasterMk cId="750743933" sldId="2147483648"/>
            <pc:sldLayoutMk cId="2445316420" sldId="2147483795"/>
          </pc:sldLayoutMkLst>
        </pc:sldLayoutChg>
      </pc:sldMasterChg>
      <pc:sldMasterChg chg="del delSldLayout">
        <pc:chgData name="Jonas Bratseth" userId="7880613d-1198-4bca-afa6-2725a9958330" providerId="ADAL" clId="{C5F6A8B2-8015-4AF9-8F9A-EBFE2882138B}" dt="2022-05-09T06:21:30.347" v="34" actId="2696"/>
        <pc:sldMasterMkLst>
          <pc:docMk/>
          <pc:sldMasterMk cId="4013363400" sldId="2147483662"/>
        </pc:sldMasterMkLst>
        <pc:sldLayoutChg chg="del">
          <pc:chgData name="Jonas Bratseth" userId="7880613d-1198-4bca-afa6-2725a9958330" providerId="ADAL" clId="{C5F6A8B2-8015-4AF9-8F9A-EBFE2882138B}" dt="2022-05-09T06:21:30.298" v="18" actId="2696"/>
          <pc:sldLayoutMkLst>
            <pc:docMk/>
            <pc:sldMasterMk cId="4013363400" sldId="2147483662"/>
            <pc:sldLayoutMk cId="1404883753" sldId="2147483663"/>
          </pc:sldLayoutMkLst>
        </pc:sldLayoutChg>
        <pc:sldLayoutChg chg="del">
          <pc:chgData name="Jonas Bratseth" userId="7880613d-1198-4bca-afa6-2725a9958330" providerId="ADAL" clId="{C5F6A8B2-8015-4AF9-8F9A-EBFE2882138B}" dt="2022-05-09T06:21:30.307" v="19" actId="2696"/>
          <pc:sldLayoutMkLst>
            <pc:docMk/>
            <pc:sldMasterMk cId="4013363400" sldId="2147483662"/>
            <pc:sldLayoutMk cId="1287977263" sldId="2147483664"/>
          </pc:sldLayoutMkLst>
        </pc:sldLayoutChg>
        <pc:sldLayoutChg chg="del">
          <pc:chgData name="Jonas Bratseth" userId="7880613d-1198-4bca-afa6-2725a9958330" providerId="ADAL" clId="{C5F6A8B2-8015-4AF9-8F9A-EBFE2882138B}" dt="2022-05-09T06:21:30.307" v="22" actId="2696"/>
          <pc:sldLayoutMkLst>
            <pc:docMk/>
            <pc:sldMasterMk cId="4013363400" sldId="2147483662"/>
            <pc:sldLayoutMk cId="2141365888" sldId="2147483665"/>
          </pc:sldLayoutMkLst>
        </pc:sldLayoutChg>
        <pc:sldLayoutChg chg="del">
          <pc:chgData name="Jonas Bratseth" userId="7880613d-1198-4bca-afa6-2725a9958330" providerId="ADAL" clId="{C5F6A8B2-8015-4AF9-8F9A-EBFE2882138B}" dt="2022-05-09T06:21:30.347" v="33" actId="2696"/>
          <pc:sldLayoutMkLst>
            <pc:docMk/>
            <pc:sldMasterMk cId="4013363400" sldId="2147483662"/>
            <pc:sldLayoutMk cId="723075594" sldId="2147483669"/>
          </pc:sldLayoutMkLst>
        </pc:sldLayoutChg>
        <pc:sldLayoutChg chg="del">
          <pc:chgData name="Jonas Bratseth" userId="7880613d-1198-4bca-afa6-2725a9958330" providerId="ADAL" clId="{C5F6A8B2-8015-4AF9-8F9A-EBFE2882138B}" dt="2022-05-09T06:21:30.307" v="21" actId="2696"/>
          <pc:sldLayoutMkLst>
            <pc:docMk/>
            <pc:sldMasterMk cId="4013363400" sldId="2147483662"/>
            <pc:sldLayoutMk cId="985400397" sldId="2147483671"/>
          </pc:sldLayoutMkLst>
        </pc:sldLayoutChg>
        <pc:sldLayoutChg chg="del">
          <pc:chgData name="Jonas Bratseth" userId="7880613d-1198-4bca-afa6-2725a9958330" providerId="ADAL" clId="{C5F6A8B2-8015-4AF9-8F9A-EBFE2882138B}" dt="2022-05-09T06:21:30.307" v="20" actId="2696"/>
          <pc:sldLayoutMkLst>
            <pc:docMk/>
            <pc:sldMasterMk cId="4013363400" sldId="2147483662"/>
            <pc:sldLayoutMk cId="3345920740" sldId="2147483689"/>
          </pc:sldLayoutMkLst>
        </pc:sldLayoutChg>
        <pc:sldLayoutChg chg="del">
          <pc:chgData name="Jonas Bratseth" userId="7880613d-1198-4bca-afa6-2725a9958330" providerId="ADAL" clId="{C5F6A8B2-8015-4AF9-8F9A-EBFE2882138B}" dt="2022-05-09T06:21:30.317" v="25" actId="2696"/>
          <pc:sldLayoutMkLst>
            <pc:docMk/>
            <pc:sldMasterMk cId="4013363400" sldId="2147483662"/>
            <pc:sldLayoutMk cId="486590668" sldId="2147483693"/>
          </pc:sldLayoutMkLst>
        </pc:sldLayoutChg>
        <pc:sldLayoutChg chg="del">
          <pc:chgData name="Jonas Bratseth" userId="7880613d-1198-4bca-afa6-2725a9958330" providerId="ADAL" clId="{C5F6A8B2-8015-4AF9-8F9A-EBFE2882138B}" dt="2022-05-09T06:21:30.337" v="32" actId="2696"/>
          <pc:sldLayoutMkLst>
            <pc:docMk/>
            <pc:sldMasterMk cId="4013363400" sldId="2147483662"/>
            <pc:sldLayoutMk cId="1642234893" sldId="2147483699"/>
          </pc:sldLayoutMkLst>
        </pc:sldLayoutChg>
        <pc:sldLayoutChg chg="del">
          <pc:chgData name="Jonas Bratseth" userId="7880613d-1198-4bca-afa6-2725a9958330" providerId="ADAL" clId="{C5F6A8B2-8015-4AF9-8F9A-EBFE2882138B}" dt="2022-05-09T06:21:30.317" v="26" actId="2696"/>
          <pc:sldLayoutMkLst>
            <pc:docMk/>
            <pc:sldMasterMk cId="4013363400" sldId="2147483662"/>
            <pc:sldLayoutMk cId="2432129226" sldId="2147483719"/>
          </pc:sldLayoutMkLst>
        </pc:sldLayoutChg>
        <pc:sldLayoutChg chg="del">
          <pc:chgData name="Jonas Bratseth" userId="7880613d-1198-4bca-afa6-2725a9958330" providerId="ADAL" clId="{C5F6A8B2-8015-4AF9-8F9A-EBFE2882138B}" dt="2022-05-09T06:21:30.327" v="27" actId="2696"/>
          <pc:sldLayoutMkLst>
            <pc:docMk/>
            <pc:sldMasterMk cId="4013363400" sldId="2147483662"/>
            <pc:sldLayoutMk cId="555026061" sldId="2147483720"/>
          </pc:sldLayoutMkLst>
        </pc:sldLayoutChg>
        <pc:sldLayoutChg chg="del">
          <pc:chgData name="Jonas Bratseth" userId="7880613d-1198-4bca-afa6-2725a9958330" providerId="ADAL" clId="{C5F6A8B2-8015-4AF9-8F9A-EBFE2882138B}" dt="2022-05-09T06:21:30.317" v="23" actId="2696"/>
          <pc:sldLayoutMkLst>
            <pc:docMk/>
            <pc:sldMasterMk cId="4013363400" sldId="2147483662"/>
            <pc:sldLayoutMk cId="2626950569" sldId="2147483733"/>
          </pc:sldLayoutMkLst>
        </pc:sldLayoutChg>
        <pc:sldLayoutChg chg="del">
          <pc:chgData name="Jonas Bratseth" userId="7880613d-1198-4bca-afa6-2725a9958330" providerId="ADAL" clId="{C5F6A8B2-8015-4AF9-8F9A-EBFE2882138B}" dt="2022-05-09T06:21:30.317" v="24" actId="2696"/>
          <pc:sldLayoutMkLst>
            <pc:docMk/>
            <pc:sldMasterMk cId="4013363400" sldId="2147483662"/>
            <pc:sldLayoutMk cId="734244194" sldId="2147483734"/>
          </pc:sldLayoutMkLst>
        </pc:sldLayoutChg>
        <pc:sldLayoutChg chg="del">
          <pc:chgData name="Jonas Bratseth" userId="7880613d-1198-4bca-afa6-2725a9958330" providerId="ADAL" clId="{C5F6A8B2-8015-4AF9-8F9A-EBFE2882138B}" dt="2022-05-09T06:21:30.327" v="28" actId="2696"/>
          <pc:sldLayoutMkLst>
            <pc:docMk/>
            <pc:sldMasterMk cId="4013363400" sldId="2147483662"/>
            <pc:sldLayoutMk cId="2919048163" sldId="2147483735"/>
          </pc:sldLayoutMkLst>
        </pc:sldLayoutChg>
        <pc:sldLayoutChg chg="del">
          <pc:chgData name="Jonas Bratseth" userId="7880613d-1198-4bca-afa6-2725a9958330" providerId="ADAL" clId="{C5F6A8B2-8015-4AF9-8F9A-EBFE2882138B}" dt="2022-05-09T06:21:30.327" v="29" actId="2696"/>
          <pc:sldLayoutMkLst>
            <pc:docMk/>
            <pc:sldMasterMk cId="4013363400" sldId="2147483662"/>
            <pc:sldLayoutMk cId="2881194976" sldId="2147483736"/>
          </pc:sldLayoutMkLst>
        </pc:sldLayoutChg>
        <pc:sldLayoutChg chg="del">
          <pc:chgData name="Jonas Bratseth" userId="7880613d-1198-4bca-afa6-2725a9958330" providerId="ADAL" clId="{C5F6A8B2-8015-4AF9-8F9A-EBFE2882138B}" dt="2022-05-09T06:21:30.337" v="30" actId="2696"/>
          <pc:sldLayoutMkLst>
            <pc:docMk/>
            <pc:sldMasterMk cId="4013363400" sldId="2147483662"/>
            <pc:sldLayoutMk cId="1160551681" sldId="2147483737"/>
          </pc:sldLayoutMkLst>
        </pc:sldLayoutChg>
        <pc:sldLayoutChg chg="del">
          <pc:chgData name="Jonas Bratseth" userId="7880613d-1198-4bca-afa6-2725a9958330" providerId="ADAL" clId="{C5F6A8B2-8015-4AF9-8F9A-EBFE2882138B}" dt="2022-05-09T06:21:30.337" v="31" actId="2696"/>
          <pc:sldLayoutMkLst>
            <pc:docMk/>
            <pc:sldMasterMk cId="4013363400" sldId="2147483662"/>
            <pc:sldLayoutMk cId="1706262171" sldId="2147483786"/>
          </pc:sldLayoutMkLst>
        </pc:sldLayoutChg>
      </pc:sldMasterChg>
      <pc:sldMasterChg chg="del delSldLayout">
        <pc:chgData name="Jonas Bratseth" userId="7880613d-1198-4bca-afa6-2725a9958330" providerId="ADAL" clId="{C5F6A8B2-8015-4AF9-8F9A-EBFE2882138B}" dt="2022-05-09T06:21:33.285" v="52" actId="2696"/>
        <pc:sldMasterMkLst>
          <pc:docMk/>
          <pc:sldMasterMk cId="1571303548" sldId="2147483672"/>
        </pc:sldMasterMkLst>
        <pc:sldLayoutChg chg="del">
          <pc:chgData name="Jonas Bratseth" userId="7880613d-1198-4bca-afa6-2725a9958330" providerId="ADAL" clId="{C5F6A8B2-8015-4AF9-8F9A-EBFE2882138B}" dt="2022-05-09T06:21:33.238" v="35" actId="2696"/>
          <pc:sldLayoutMkLst>
            <pc:docMk/>
            <pc:sldMasterMk cId="1571303548" sldId="2147483672"/>
            <pc:sldLayoutMk cId="1587017909" sldId="2147483673"/>
          </pc:sldLayoutMkLst>
        </pc:sldLayoutChg>
        <pc:sldLayoutChg chg="del">
          <pc:chgData name="Jonas Bratseth" userId="7880613d-1198-4bca-afa6-2725a9958330" providerId="ADAL" clId="{C5F6A8B2-8015-4AF9-8F9A-EBFE2882138B}" dt="2022-05-09T06:21:33.238" v="36" actId="2696"/>
          <pc:sldLayoutMkLst>
            <pc:docMk/>
            <pc:sldMasterMk cId="1571303548" sldId="2147483672"/>
            <pc:sldLayoutMk cId="1779121861" sldId="2147483675"/>
          </pc:sldLayoutMkLst>
        </pc:sldLayoutChg>
        <pc:sldLayoutChg chg="del">
          <pc:chgData name="Jonas Bratseth" userId="7880613d-1198-4bca-afa6-2725a9958330" providerId="ADAL" clId="{C5F6A8B2-8015-4AF9-8F9A-EBFE2882138B}" dt="2022-05-09T06:21:33.247" v="38" actId="2696"/>
          <pc:sldLayoutMkLst>
            <pc:docMk/>
            <pc:sldMasterMk cId="1571303548" sldId="2147483672"/>
            <pc:sldLayoutMk cId="2395835348" sldId="2147483676"/>
          </pc:sldLayoutMkLst>
        </pc:sldLayoutChg>
        <pc:sldLayoutChg chg="del">
          <pc:chgData name="Jonas Bratseth" userId="7880613d-1198-4bca-afa6-2725a9958330" providerId="ADAL" clId="{C5F6A8B2-8015-4AF9-8F9A-EBFE2882138B}" dt="2022-05-09T06:21:33.247" v="39" actId="2696"/>
          <pc:sldLayoutMkLst>
            <pc:docMk/>
            <pc:sldMasterMk cId="1571303548" sldId="2147483672"/>
            <pc:sldLayoutMk cId="82399762" sldId="2147483677"/>
          </pc:sldLayoutMkLst>
        </pc:sldLayoutChg>
        <pc:sldLayoutChg chg="del">
          <pc:chgData name="Jonas Bratseth" userId="7880613d-1198-4bca-afa6-2725a9958330" providerId="ADAL" clId="{C5F6A8B2-8015-4AF9-8F9A-EBFE2882138B}" dt="2022-05-09T06:21:33.282" v="51" actId="2696"/>
          <pc:sldLayoutMkLst>
            <pc:docMk/>
            <pc:sldMasterMk cId="1571303548" sldId="2147483672"/>
            <pc:sldLayoutMk cId="2456596133" sldId="2147483679"/>
          </pc:sldLayoutMkLst>
        </pc:sldLayoutChg>
        <pc:sldLayoutChg chg="del">
          <pc:chgData name="Jonas Bratseth" userId="7880613d-1198-4bca-afa6-2725a9958330" providerId="ADAL" clId="{C5F6A8B2-8015-4AF9-8F9A-EBFE2882138B}" dt="2022-05-09T06:21:33.238" v="37" actId="2696"/>
          <pc:sldLayoutMkLst>
            <pc:docMk/>
            <pc:sldMasterMk cId="1571303548" sldId="2147483672"/>
            <pc:sldLayoutMk cId="2523946378" sldId="2147483690"/>
          </pc:sldLayoutMkLst>
        </pc:sldLayoutChg>
        <pc:sldLayoutChg chg="del">
          <pc:chgData name="Jonas Bratseth" userId="7880613d-1198-4bca-afa6-2725a9958330" providerId="ADAL" clId="{C5F6A8B2-8015-4AF9-8F9A-EBFE2882138B}" dt="2022-05-09T06:21:33.257" v="42" actId="2696"/>
          <pc:sldLayoutMkLst>
            <pc:docMk/>
            <pc:sldMasterMk cId="1571303548" sldId="2147483672"/>
            <pc:sldLayoutMk cId="2486948816" sldId="2147483694"/>
          </pc:sldLayoutMkLst>
        </pc:sldLayoutChg>
        <pc:sldLayoutChg chg="del">
          <pc:chgData name="Jonas Bratseth" userId="7880613d-1198-4bca-afa6-2725a9958330" providerId="ADAL" clId="{C5F6A8B2-8015-4AF9-8F9A-EBFE2882138B}" dt="2022-05-09T06:21:33.277" v="49" actId="2696"/>
          <pc:sldLayoutMkLst>
            <pc:docMk/>
            <pc:sldMasterMk cId="1571303548" sldId="2147483672"/>
            <pc:sldLayoutMk cId="1706378664" sldId="2147483701"/>
          </pc:sldLayoutMkLst>
        </pc:sldLayoutChg>
        <pc:sldLayoutChg chg="del">
          <pc:chgData name="Jonas Bratseth" userId="7880613d-1198-4bca-afa6-2725a9958330" providerId="ADAL" clId="{C5F6A8B2-8015-4AF9-8F9A-EBFE2882138B}" dt="2022-05-09T06:21:33.257" v="43" actId="2696"/>
          <pc:sldLayoutMkLst>
            <pc:docMk/>
            <pc:sldMasterMk cId="1571303548" sldId="2147483672"/>
            <pc:sldLayoutMk cId="2129478693" sldId="2147483724"/>
          </pc:sldLayoutMkLst>
        </pc:sldLayoutChg>
        <pc:sldLayoutChg chg="del">
          <pc:chgData name="Jonas Bratseth" userId="7880613d-1198-4bca-afa6-2725a9958330" providerId="ADAL" clId="{C5F6A8B2-8015-4AF9-8F9A-EBFE2882138B}" dt="2022-05-09T06:21:33.257" v="44" actId="2696"/>
          <pc:sldLayoutMkLst>
            <pc:docMk/>
            <pc:sldMasterMk cId="1571303548" sldId="2147483672"/>
            <pc:sldLayoutMk cId="1061812311" sldId="2147483725"/>
          </pc:sldLayoutMkLst>
        </pc:sldLayoutChg>
        <pc:sldLayoutChg chg="del">
          <pc:chgData name="Jonas Bratseth" userId="7880613d-1198-4bca-afa6-2725a9958330" providerId="ADAL" clId="{C5F6A8B2-8015-4AF9-8F9A-EBFE2882138B}" dt="2022-05-09T06:21:33.253" v="40" actId="2696"/>
          <pc:sldLayoutMkLst>
            <pc:docMk/>
            <pc:sldMasterMk cId="1571303548" sldId="2147483672"/>
            <pc:sldLayoutMk cId="3897780765" sldId="2147483738"/>
          </pc:sldLayoutMkLst>
        </pc:sldLayoutChg>
        <pc:sldLayoutChg chg="del">
          <pc:chgData name="Jonas Bratseth" userId="7880613d-1198-4bca-afa6-2725a9958330" providerId="ADAL" clId="{C5F6A8B2-8015-4AF9-8F9A-EBFE2882138B}" dt="2022-05-09T06:21:33.257" v="41" actId="2696"/>
          <pc:sldLayoutMkLst>
            <pc:docMk/>
            <pc:sldMasterMk cId="1571303548" sldId="2147483672"/>
            <pc:sldLayoutMk cId="1343069216" sldId="2147483739"/>
          </pc:sldLayoutMkLst>
        </pc:sldLayoutChg>
        <pc:sldLayoutChg chg="del">
          <pc:chgData name="Jonas Bratseth" userId="7880613d-1198-4bca-afa6-2725a9958330" providerId="ADAL" clId="{C5F6A8B2-8015-4AF9-8F9A-EBFE2882138B}" dt="2022-05-09T06:21:33.267" v="45" actId="2696"/>
          <pc:sldLayoutMkLst>
            <pc:docMk/>
            <pc:sldMasterMk cId="1571303548" sldId="2147483672"/>
            <pc:sldLayoutMk cId="908257773" sldId="2147483740"/>
          </pc:sldLayoutMkLst>
        </pc:sldLayoutChg>
        <pc:sldLayoutChg chg="del">
          <pc:chgData name="Jonas Bratseth" userId="7880613d-1198-4bca-afa6-2725a9958330" providerId="ADAL" clId="{C5F6A8B2-8015-4AF9-8F9A-EBFE2882138B}" dt="2022-05-09T06:21:33.269" v="46" actId="2696"/>
          <pc:sldLayoutMkLst>
            <pc:docMk/>
            <pc:sldMasterMk cId="1571303548" sldId="2147483672"/>
            <pc:sldLayoutMk cId="3162365967" sldId="2147483741"/>
          </pc:sldLayoutMkLst>
        </pc:sldLayoutChg>
        <pc:sldLayoutChg chg="del">
          <pc:chgData name="Jonas Bratseth" userId="7880613d-1198-4bca-afa6-2725a9958330" providerId="ADAL" clId="{C5F6A8B2-8015-4AF9-8F9A-EBFE2882138B}" dt="2022-05-09T06:21:33.269" v="47" actId="2696"/>
          <pc:sldLayoutMkLst>
            <pc:docMk/>
            <pc:sldMasterMk cId="1571303548" sldId="2147483672"/>
            <pc:sldLayoutMk cId="275918460" sldId="2147483742"/>
          </pc:sldLayoutMkLst>
        </pc:sldLayoutChg>
        <pc:sldLayoutChg chg="del">
          <pc:chgData name="Jonas Bratseth" userId="7880613d-1198-4bca-afa6-2725a9958330" providerId="ADAL" clId="{C5F6A8B2-8015-4AF9-8F9A-EBFE2882138B}" dt="2022-05-09T06:21:33.277" v="48" actId="2696"/>
          <pc:sldLayoutMkLst>
            <pc:docMk/>
            <pc:sldMasterMk cId="1571303548" sldId="2147483672"/>
            <pc:sldLayoutMk cId="1237505033" sldId="2147483787"/>
          </pc:sldLayoutMkLst>
        </pc:sldLayoutChg>
        <pc:sldLayoutChg chg="del">
          <pc:chgData name="Jonas Bratseth" userId="7880613d-1198-4bca-afa6-2725a9958330" providerId="ADAL" clId="{C5F6A8B2-8015-4AF9-8F9A-EBFE2882138B}" dt="2022-05-09T06:21:33.282" v="50" actId="2696"/>
          <pc:sldLayoutMkLst>
            <pc:docMk/>
            <pc:sldMasterMk cId="1571303548" sldId="2147483672"/>
            <pc:sldLayoutMk cId="2342785436" sldId="2147483792"/>
          </pc:sldLayoutMkLst>
        </pc:sldLayoutChg>
      </pc:sldMasterChg>
      <pc:sldMasterChg chg="del delSldLayout">
        <pc:chgData name="Jonas Bratseth" userId="7880613d-1198-4bca-afa6-2725a9958330" providerId="ADAL" clId="{C5F6A8B2-8015-4AF9-8F9A-EBFE2882138B}" dt="2022-05-09T06:21:37.437" v="70" actId="2696"/>
        <pc:sldMasterMkLst>
          <pc:docMk/>
          <pc:sldMasterMk cId="3187493390" sldId="2147483680"/>
        </pc:sldMasterMkLst>
        <pc:sldLayoutChg chg="del">
          <pc:chgData name="Jonas Bratseth" userId="7880613d-1198-4bca-afa6-2725a9958330" providerId="ADAL" clId="{C5F6A8B2-8015-4AF9-8F9A-EBFE2882138B}" dt="2022-05-09T06:21:37.398" v="53" actId="2696"/>
          <pc:sldLayoutMkLst>
            <pc:docMk/>
            <pc:sldMasterMk cId="3187493390" sldId="2147483680"/>
            <pc:sldLayoutMk cId="3861079065" sldId="2147483681"/>
          </pc:sldLayoutMkLst>
        </pc:sldLayoutChg>
        <pc:sldLayoutChg chg="del">
          <pc:chgData name="Jonas Bratseth" userId="7880613d-1198-4bca-afa6-2725a9958330" providerId="ADAL" clId="{C5F6A8B2-8015-4AF9-8F9A-EBFE2882138B}" dt="2022-05-09T06:21:37.398" v="54" actId="2696"/>
          <pc:sldLayoutMkLst>
            <pc:docMk/>
            <pc:sldMasterMk cId="3187493390" sldId="2147483680"/>
            <pc:sldLayoutMk cId="660796160" sldId="2147483683"/>
          </pc:sldLayoutMkLst>
        </pc:sldLayoutChg>
        <pc:sldLayoutChg chg="del">
          <pc:chgData name="Jonas Bratseth" userId="7880613d-1198-4bca-afa6-2725a9958330" providerId="ADAL" clId="{C5F6A8B2-8015-4AF9-8F9A-EBFE2882138B}" dt="2022-05-09T06:21:37.398" v="56" actId="2696"/>
          <pc:sldLayoutMkLst>
            <pc:docMk/>
            <pc:sldMasterMk cId="3187493390" sldId="2147483680"/>
            <pc:sldLayoutMk cId="597010272" sldId="2147483684"/>
          </pc:sldLayoutMkLst>
        </pc:sldLayoutChg>
        <pc:sldLayoutChg chg="del">
          <pc:chgData name="Jonas Bratseth" userId="7880613d-1198-4bca-afa6-2725a9958330" providerId="ADAL" clId="{C5F6A8B2-8015-4AF9-8F9A-EBFE2882138B}" dt="2022-05-09T06:21:37.407" v="57" actId="2696"/>
          <pc:sldLayoutMkLst>
            <pc:docMk/>
            <pc:sldMasterMk cId="3187493390" sldId="2147483680"/>
            <pc:sldLayoutMk cId="4177452680" sldId="2147483685"/>
          </pc:sldLayoutMkLst>
        </pc:sldLayoutChg>
        <pc:sldLayoutChg chg="del">
          <pc:chgData name="Jonas Bratseth" userId="7880613d-1198-4bca-afa6-2725a9958330" providerId="ADAL" clId="{C5F6A8B2-8015-4AF9-8F9A-EBFE2882138B}" dt="2022-05-09T06:21:37.437" v="69" actId="2696"/>
          <pc:sldLayoutMkLst>
            <pc:docMk/>
            <pc:sldMasterMk cId="3187493390" sldId="2147483680"/>
            <pc:sldLayoutMk cId="2609097215" sldId="2147483687"/>
          </pc:sldLayoutMkLst>
        </pc:sldLayoutChg>
        <pc:sldLayoutChg chg="del">
          <pc:chgData name="Jonas Bratseth" userId="7880613d-1198-4bca-afa6-2725a9958330" providerId="ADAL" clId="{C5F6A8B2-8015-4AF9-8F9A-EBFE2882138B}" dt="2022-05-09T06:21:37.398" v="55" actId="2696"/>
          <pc:sldLayoutMkLst>
            <pc:docMk/>
            <pc:sldMasterMk cId="3187493390" sldId="2147483680"/>
            <pc:sldLayoutMk cId="2581273029" sldId="2147483691"/>
          </pc:sldLayoutMkLst>
        </pc:sldLayoutChg>
        <pc:sldLayoutChg chg="del">
          <pc:chgData name="Jonas Bratseth" userId="7880613d-1198-4bca-afa6-2725a9958330" providerId="ADAL" clId="{C5F6A8B2-8015-4AF9-8F9A-EBFE2882138B}" dt="2022-05-09T06:21:37.417" v="60" actId="2696"/>
          <pc:sldLayoutMkLst>
            <pc:docMk/>
            <pc:sldMasterMk cId="3187493390" sldId="2147483680"/>
            <pc:sldLayoutMk cId="2249116253" sldId="2147483695"/>
          </pc:sldLayoutMkLst>
        </pc:sldLayoutChg>
        <pc:sldLayoutChg chg="del">
          <pc:chgData name="Jonas Bratseth" userId="7880613d-1198-4bca-afa6-2725a9958330" providerId="ADAL" clId="{C5F6A8B2-8015-4AF9-8F9A-EBFE2882138B}" dt="2022-05-09T06:21:37.427" v="67" actId="2696"/>
          <pc:sldLayoutMkLst>
            <pc:docMk/>
            <pc:sldMasterMk cId="3187493390" sldId="2147483680"/>
            <pc:sldLayoutMk cId="3521125847" sldId="2147483703"/>
          </pc:sldLayoutMkLst>
        </pc:sldLayoutChg>
        <pc:sldLayoutChg chg="del">
          <pc:chgData name="Jonas Bratseth" userId="7880613d-1198-4bca-afa6-2725a9958330" providerId="ADAL" clId="{C5F6A8B2-8015-4AF9-8F9A-EBFE2882138B}" dt="2022-05-09T06:21:37.417" v="61" actId="2696"/>
          <pc:sldLayoutMkLst>
            <pc:docMk/>
            <pc:sldMasterMk cId="3187493390" sldId="2147483680"/>
            <pc:sldLayoutMk cId="612612124" sldId="2147483729"/>
          </pc:sldLayoutMkLst>
        </pc:sldLayoutChg>
        <pc:sldLayoutChg chg="del">
          <pc:chgData name="Jonas Bratseth" userId="7880613d-1198-4bca-afa6-2725a9958330" providerId="ADAL" clId="{C5F6A8B2-8015-4AF9-8F9A-EBFE2882138B}" dt="2022-05-09T06:21:37.422" v="62" actId="2696"/>
          <pc:sldLayoutMkLst>
            <pc:docMk/>
            <pc:sldMasterMk cId="3187493390" sldId="2147483680"/>
            <pc:sldLayoutMk cId="1721963667" sldId="2147483730"/>
          </pc:sldLayoutMkLst>
        </pc:sldLayoutChg>
        <pc:sldLayoutChg chg="del">
          <pc:chgData name="Jonas Bratseth" userId="7880613d-1198-4bca-afa6-2725a9958330" providerId="ADAL" clId="{C5F6A8B2-8015-4AF9-8F9A-EBFE2882138B}" dt="2022-05-09T06:21:37.407" v="58" actId="2696"/>
          <pc:sldLayoutMkLst>
            <pc:docMk/>
            <pc:sldMasterMk cId="3187493390" sldId="2147483680"/>
            <pc:sldLayoutMk cId="3940216924" sldId="2147483743"/>
          </pc:sldLayoutMkLst>
        </pc:sldLayoutChg>
        <pc:sldLayoutChg chg="del">
          <pc:chgData name="Jonas Bratseth" userId="7880613d-1198-4bca-afa6-2725a9958330" providerId="ADAL" clId="{C5F6A8B2-8015-4AF9-8F9A-EBFE2882138B}" dt="2022-05-09T06:21:37.407" v="59" actId="2696"/>
          <pc:sldLayoutMkLst>
            <pc:docMk/>
            <pc:sldMasterMk cId="3187493390" sldId="2147483680"/>
            <pc:sldLayoutMk cId="2160389741" sldId="2147483744"/>
          </pc:sldLayoutMkLst>
        </pc:sldLayoutChg>
        <pc:sldLayoutChg chg="del">
          <pc:chgData name="Jonas Bratseth" userId="7880613d-1198-4bca-afa6-2725a9958330" providerId="ADAL" clId="{C5F6A8B2-8015-4AF9-8F9A-EBFE2882138B}" dt="2022-05-09T06:21:37.422" v="63" actId="2696"/>
          <pc:sldLayoutMkLst>
            <pc:docMk/>
            <pc:sldMasterMk cId="3187493390" sldId="2147483680"/>
            <pc:sldLayoutMk cId="3914837304" sldId="2147483745"/>
          </pc:sldLayoutMkLst>
        </pc:sldLayoutChg>
        <pc:sldLayoutChg chg="del">
          <pc:chgData name="Jonas Bratseth" userId="7880613d-1198-4bca-afa6-2725a9958330" providerId="ADAL" clId="{C5F6A8B2-8015-4AF9-8F9A-EBFE2882138B}" dt="2022-05-09T06:21:37.427" v="64" actId="2696"/>
          <pc:sldLayoutMkLst>
            <pc:docMk/>
            <pc:sldMasterMk cId="3187493390" sldId="2147483680"/>
            <pc:sldLayoutMk cId="816892688" sldId="2147483746"/>
          </pc:sldLayoutMkLst>
        </pc:sldLayoutChg>
        <pc:sldLayoutChg chg="del">
          <pc:chgData name="Jonas Bratseth" userId="7880613d-1198-4bca-afa6-2725a9958330" providerId="ADAL" clId="{C5F6A8B2-8015-4AF9-8F9A-EBFE2882138B}" dt="2022-05-09T06:21:37.427" v="65" actId="2696"/>
          <pc:sldLayoutMkLst>
            <pc:docMk/>
            <pc:sldMasterMk cId="3187493390" sldId="2147483680"/>
            <pc:sldLayoutMk cId="2648024836" sldId="2147483747"/>
          </pc:sldLayoutMkLst>
        </pc:sldLayoutChg>
        <pc:sldLayoutChg chg="del">
          <pc:chgData name="Jonas Bratseth" userId="7880613d-1198-4bca-afa6-2725a9958330" providerId="ADAL" clId="{C5F6A8B2-8015-4AF9-8F9A-EBFE2882138B}" dt="2022-05-09T06:21:37.427" v="66" actId="2696"/>
          <pc:sldLayoutMkLst>
            <pc:docMk/>
            <pc:sldMasterMk cId="3187493390" sldId="2147483680"/>
            <pc:sldLayoutMk cId="3710491815" sldId="2147483788"/>
          </pc:sldLayoutMkLst>
        </pc:sldLayoutChg>
        <pc:sldLayoutChg chg="del">
          <pc:chgData name="Jonas Bratseth" userId="7880613d-1198-4bca-afa6-2725a9958330" providerId="ADAL" clId="{C5F6A8B2-8015-4AF9-8F9A-EBFE2882138B}" dt="2022-05-09T06:21:37.437" v="68" actId="2696"/>
          <pc:sldLayoutMkLst>
            <pc:docMk/>
            <pc:sldMasterMk cId="3187493390" sldId="2147483680"/>
            <pc:sldLayoutMk cId="3263823113" sldId="2147483793"/>
          </pc:sldLayoutMkLst>
        </pc:sldLayoutChg>
      </pc:sldMasterChg>
      <pc:sldMasterChg chg="addSp delSp modSp mod addSldLayout modSldLayout">
        <pc:chgData name="Jonas Bratseth" userId="7880613d-1198-4bca-afa6-2725a9958330" providerId="ADAL" clId="{C5F6A8B2-8015-4AF9-8F9A-EBFE2882138B}" dt="2022-05-09T08:50:05.125" v="881" actId="207"/>
        <pc:sldMasterMkLst>
          <pc:docMk/>
          <pc:sldMasterMk cId="2269285815" sldId="2147483706"/>
        </pc:sldMasterMkLst>
        <pc:spChg chg="mod">
          <ac:chgData name="Jonas Bratseth" userId="7880613d-1198-4bca-afa6-2725a9958330" providerId="ADAL" clId="{C5F6A8B2-8015-4AF9-8F9A-EBFE2882138B}" dt="2022-05-09T08:49:29.235" v="867" actId="207"/>
          <ac:spMkLst>
            <pc:docMk/>
            <pc:sldMasterMk cId="2269285815" sldId="2147483706"/>
            <ac:spMk id="4" creationId="{11B23902-B834-4F86-BC59-3F0B89E2FB74}"/>
          </ac:spMkLst>
        </pc:spChg>
        <pc:spChg chg="mod">
          <ac:chgData name="Jonas Bratseth" userId="7880613d-1198-4bca-afa6-2725a9958330" providerId="ADAL" clId="{C5F6A8B2-8015-4AF9-8F9A-EBFE2882138B}" dt="2022-05-09T08:49:29.235" v="867" actId="207"/>
          <ac:spMkLst>
            <pc:docMk/>
            <pc:sldMasterMk cId="2269285815" sldId="2147483706"/>
            <ac:spMk id="5" creationId="{596F47F6-6A98-4E1E-B01E-2BE8C7E1830A}"/>
          </ac:spMkLst>
        </pc:spChg>
        <pc:spChg chg="mod">
          <ac:chgData name="Jonas Bratseth" userId="7880613d-1198-4bca-afa6-2725a9958330" providerId="ADAL" clId="{C5F6A8B2-8015-4AF9-8F9A-EBFE2882138B}" dt="2022-05-09T08:49:29.235" v="867" actId="207"/>
          <ac:spMkLst>
            <pc:docMk/>
            <pc:sldMasterMk cId="2269285815" sldId="2147483706"/>
            <ac:spMk id="6" creationId="{80DA8E62-4914-40DC-8FB0-44576D955B66}"/>
          </ac:spMkLst>
        </pc:spChg>
        <pc:spChg chg="add del mod">
          <ac:chgData name="Jonas Bratseth" userId="7880613d-1198-4bca-afa6-2725a9958330" providerId="ADAL" clId="{C5F6A8B2-8015-4AF9-8F9A-EBFE2882138B}" dt="2022-05-09T08:49:10.545" v="864" actId="478"/>
          <ac:spMkLst>
            <pc:docMk/>
            <pc:sldMasterMk cId="2269285815" sldId="2147483706"/>
            <ac:spMk id="9" creationId="{625DF322-E7E5-3B7A-3D32-4CC36519D36A}"/>
          </ac:spMkLst>
        </pc:spChg>
        <pc:spChg chg="add del mod">
          <ac:chgData name="Jonas Bratseth" userId="7880613d-1198-4bca-afa6-2725a9958330" providerId="ADAL" clId="{C5F6A8B2-8015-4AF9-8F9A-EBFE2882138B}" dt="2022-05-09T08:49:10.545" v="864" actId="478"/>
          <ac:spMkLst>
            <pc:docMk/>
            <pc:sldMasterMk cId="2269285815" sldId="2147483706"/>
            <ac:spMk id="10" creationId="{9C48FA03-BF87-7D6A-E85B-3A041BFC55B3}"/>
          </ac:spMkLst>
        </pc:spChg>
        <pc:spChg chg="add del mod">
          <ac:chgData name="Jonas Bratseth" userId="7880613d-1198-4bca-afa6-2725a9958330" providerId="ADAL" clId="{C5F6A8B2-8015-4AF9-8F9A-EBFE2882138B}" dt="2022-05-09T08:49:10.545" v="864" actId="478"/>
          <ac:spMkLst>
            <pc:docMk/>
            <pc:sldMasterMk cId="2269285815" sldId="2147483706"/>
            <ac:spMk id="11" creationId="{65281432-EFB8-EA1F-4848-EDAB9B58127C}"/>
          </ac:spMkLst>
        </pc:spChg>
        <pc:sldLayoutChg chg="addSp delSp modSp mod">
          <pc:chgData name="Jonas Bratseth" userId="7880613d-1198-4bca-afa6-2725a9958330" providerId="ADAL" clId="{C5F6A8B2-8015-4AF9-8F9A-EBFE2882138B}" dt="2022-05-09T08:39:34.796" v="812" actId="21"/>
          <pc:sldLayoutMkLst>
            <pc:docMk/>
            <pc:sldMasterMk cId="2269285815" sldId="2147483706"/>
            <pc:sldLayoutMk cId="3056657447" sldId="2147483707"/>
          </pc:sldLayoutMkLst>
          <pc:spChg chg="add mod">
            <ac:chgData name="Jonas Bratseth" userId="7880613d-1198-4bca-afa6-2725a9958330" providerId="ADAL" clId="{C5F6A8B2-8015-4AF9-8F9A-EBFE2882138B}" dt="2022-05-09T08:39:10.696" v="793"/>
            <ac:spMkLst>
              <pc:docMk/>
              <pc:sldMasterMk cId="2269285815" sldId="2147483706"/>
              <pc:sldLayoutMk cId="3056657447" sldId="2147483707"/>
              <ac:spMk id="4" creationId="{2261C583-FD5B-DD91-8170-84AAEB56302C}"/>
            </ac:spMkLst>
          </pc:spChg>
          <pc:spChg chg="add mod">
            <ac:chgData name="Jonas Bratseth" userId="7880613d-1198-4bca-afa6-2725a9958330" providerId="ADAL" clId="{C5F6A8B2-8015-4AF9-8F9A-EBFE2882138B}" dt="2022-05-09T08:39:25.146" v="811" actId="121"/>
            <ac:spMkLst>
              <pc:docMk/>
              <pc:sldMasterMk cId="2269285815" sldId="2147483706"/>
              <pc:sldLayoutMk cId="3056657447" sldId="2147483707"/>
              <ac:spMk id="5" creationId="{18D7E2B3-6F8D-E9A1-1C6C-3248325BBC58}"/>
            </ac:spMkLst>
          </pc:spChg>
          <pc:spChg chg="add del mod">
            <ac:chgData name="Jonas Bratseth" userId="7880613d-1198-4bca-afa6-2725a9958330" providerId="ADAL" clId="{C5F6A8B2-8015-4AF9-8F9A-EBFE2882138B}" dt="2022-05-09T08:39:34.796" v="812" actId="21"/>
            <ac:spMkLst>
              <pc:docMk/>
              <pc:sldMasterMk cId="2269285815" sldId="2147483706"/>
              <pc:sldLayoutMk cId="3056657447" sldId="2147483707"/>
              <ac:spMk id="6" creationId="{40DE9465-87BC-9C5D-BBF8-CBB2E4EEC607}"/>
            </ac:spMkLst>
          </pc:spChg>
          <pc:spChg chg="add del mod">
            <ac:chgData name="Jonas Bratseth" userId="7880613d-1198-4bca-afa6-2725a9958330" providerId="ADAL" clId="{C5F6A8B2-8015-4AF9-8F9A-EBFE2882138B}" dt="2022-05-09T08:39:34.796" v="812" actId="21"/>
            <ac:spMkLst>
              <pc:docMk/>
              <pc:sldMasterMk cId="2269285815" sldId="2147483706"/>
              <pc:sldLayoutMk cId="3056657447" sldId="2147483707"/>
              <ac:spMk id="7" creationId="{C825B46A-074E-B1CC-9150-2B030C323242}"/>
            </ac:spMkLst>
          </pc:spChg>
          <pc:spChg chg="add del mod">
            <ac:chgData name="Jonas Bratseth" userId="7880613d-1198-4bca-afa6-2725a9958330" providerId="ADAL" clId="{C5F6A8B2-8015-4AF9-8F9A-EBFE2882138B}" dt="2022-05-09T08:39:34.796" v="812" actId="21"/>
            <ac:spMkLst>
              <pc:docMk/>
              <pc:sldMasterMk cId="2269285815" sldId="2147483706"/>
              <pc:sldLayoutMk cId="3056657447" sldId="2147483707"/>
              <ac:spMk id="8" creationId="{9CFF4C4D-B721-CF9C-05FE-73D0BA0A52CE}"/>
            </ac:spMkLst>
          </pc:spChg>
          <pc:spChg chg="add mod">
            <ac:chgData name="Jonas Bratseth" userId="7880613d-1198-4bca-afa6-2725a9958330" providerId="ADAL" clId="{C5F6A8B2-8015-4AF9-8F9A-EBFE2882138B}" dt="2022-05-09T08:39:21.918" v="810" actId="120"/>
            <ac:spMkLst>
              <pc:docMk/>
              <pc:sldMasterMk cId="2269285815" sldId="2147483706"/>
              <pc:sldLayoutMk cId="3056657447" sldId="2147483707"/>
              <ac:spMk id="10" creationId="{35C8ABA7-40DD-3BD3-C33E-D98FD7DDB91C}"/>
            </ac:spMkLst>
          </pc:spChg>
        </pc:sldLayoutChg>
        <pc:sldLayoutChg chg="addSp delSp modSp">
          <pc:chgData name="Jonas Bratseth" userId="7880613d-1198-4bca-afa6-2725a9958330" providerId="ADAL" clId="{C5F6A8B2-8015-4AF9-8F9A-EBFE2882138B}" dt="2022-05-09T08:49:35.299" v="870"/>
          <pc:sldLayoutMkLst>
            <pc:docMk/>
            <pc:sldMasterMk cId="2269285815" sldId="2147483706"/>
            <pc:sldLayoutMk cId="3872924810" sldId="2147483708"/>
          </pc:sldLayoutMkLst>
          <pc:spChg chg="add del mod">
            <ac:chgData name="Jonas Bratseth" userId="7880613d-1198-4bca-afa6-2725a9958330" providerId="ADAL" clId="{C5F6A8B2-8015-4AF9-8F9A-EBFE2882138B}" dt="2022-05-09T08:49:34.700" v="869"/>
            <ac:spMkLst>
              <pc:docMk/>
              <pc:sldMasterMk cId="2269285815" sldId="2147483706"/>
              <pc:sldLayoutMk cId="3872924810" sldId="2147483708"/>
              <ac:spMk id="4" creationId="{7F586CFB-E72B-E483-7684-008658DB0A02}"/>
            </ac:spMkLst>
          </pc:spChg>
          <pc:spChg chg="add del mod">
            <ac:chgData name="Jonas Bratseth" userId="7880613d-1198-4bca-afa6-2725a9958330" providerId="ADAL" clId="{C5F6A8B2-8015-4AF9-8F9A-EBFE2882138B}" dt="2022-05-09T08:49:34.700" v="869"/>
            <ac:spMkLst>
              <pc:docMk/>
              <pc:sldMasterMk cId="2269285815" sldId="2147483706"/>
              <pc:sldLayoutMk cId="3872924810" sldId="2147483708"/>
              <ac:spMk id="5" creationId="{96D9D78A-6E72-6614-39A6-AF49D32B7B02}"/>
            </ac:spMkLst>
          </pc:spChg>
          <pc:spChg chg="add del mod">
            <ac:chgData name="Jonas Bratseth" userId="7880613d-1198-4bca-afa6-2725a9958330" providerId="ADAL" clId="{C5F6A8B2-8015-4AF9-8F9A-EBFE2882138B}" dt="2022-05-09T08:49:34.700" v="869"/>
            <ac:spMkLst>
              <pc:docMk/>
              <pc:sldMasterMk cId="2269285815" sldId="2147483706"/>
              <pc:sldLayoutMk cId="3872924810" sldId="2147483708"/>
              <ac:spMk id="6" creationId="{19409896-199F-48CD-3636-04ACA7112940}"/>
            </ac:spMkLst>
          </pc:spChg>
          <pc:spChg chg="add mod">
            <ac:chgData name="Jonas Bratseth" userId="7880613d-1198-4bca-afa6-2725a9958330" providerId="ADAL" clId="{C5F6A8B2-8015-4AF9-8F9A-EBFE2882138B}" dt="2022-05-09T08:49:35.299" v="870"/>
            <ac:spMkLst>
              <pc:docMk/>
              <pc:sldMasterMk cId="2269285815" sldId="2147483706"/>
              <pc:sldLayoutMk cId="3872924810" sldId="2147483708"/>
              <ac:spMk id="7" creationId="{A4591EBB-63A1-7AF6-AD12-3480E1D79DE4}"/>
            </ac:spMkLst>
          </pc:spChg>
          <pc:spChg chg="add mod">
            <ac:chgData name="Jonas Bratseth" userId="7880613d-1198-4bca-afa6-2725a9958330" providerId="ADAL" clId="{C5F6A8B2-8015-4AF9-8F9A-EBFE2882138B}" dt="2022-05-09T08:49:35.299" v="870"/>
            <ac:spMkLst>
              <pc:docMk/>
              <pc:sldMasterMk cId="2269285815" sldId="2147483706"/>
              <pc:sldLayoutMk cId="3872924810" sldId="2147483708"/>
              <ac:spMk id="8" creationId="{6AC39F5B-006F-0AE4-AE38-1C0F9343E86F}"/>
            </ac:spMkLst>
          </pc:spChg>
          <pc:spChg chg="add mod">
            <ac:chgData name="Jonas Bratseth" userId="7880613d-1198-4bca-afa6-2725a9958330" providerId="ADAL" clId="{C5F6A8B2-8015-4AF9-8F9A-EBFE2882138B}" dt="2022-05-09T08:49:35.299" v="870"/>
            <ac:spMkLst>
              <pc:docMk/>
              <pc:sldMasterMk cId="2269285815" sldId="2147483706"/>
              <pc:sldLayoutMk cId="3872924810" sldId="2147483708"/>
              <ac:spMk id="10" creationId="{FBBF87F7-F367-706C-1EF1-31510A1B9DB7}"/>
            </ac:spMkLst>
          </pc:spChg>
        </pc:sldLayoutChg>
        <pc:sldLayoutChg chg="addSp modSp">
          <pc:chgData name="Jonas Bratseth" userId="7880613d-1198-4bca-afa6-2725a9958330" providerId="ADAL" clId="{C5F6A8B2-8015-4AF9-8F9A-EBFE2882138B}" dt="2022-05-09T08:49:45.193" v="874" actId="207"/>
          <pc:sldLayoutMkLst>
            <pc:docMk/>
            <pc:sldMasterMk cId="2269285815" sldId="2147483706"/>
            <pc:sldLayoutMk cId="4220407289" sldId="2147483709"/>
          </pc:sldLayoutMkLst>
          <pc:spChg chg="add mod">
            <ac:chgData name="Jonas Bratseth" userId="7880613d-1198-4bca-afa6-2725a9958330" providerId="ADAL" clId="{C5F6A8B2-8015-4AF9-8F9A-EBFE2882138B}" dt="2022-05-09T08:49:45.193" v="874" actId="207"/>
            <ac:spMkLst>
              <pc:docMk/>
              <pc:sldMasterMk cId="2269285815" sldId="2147483706"/>
              <pc:sldLayoutMk cId="4220407289" sldId="2147483709"/>
              <ac:spMk id="4" creationId="{449E3687-A4D4-8578-9891-A3DA560145A0}"/>
            </ac:spMkLst>
          </pc:spChg>
          <pc:spChg chg="add mod">
            <ac:chgData name="Jonas Bratseth" userId="7880613d-1198-4bca-afa6-2725a9958330" providerId="ADAL" clId="{C5F6A8B2-8015-4AF9-8F9A-EBFE2882138B}" dt="2022-05-09T08:49:45.193" v="874" actId="207"/>
            <ac:spMkLst>
              <pc:docMk/>
              <pc:sldMasterMk cId="2269285815" sldId="2147483706"/>
              <pc:sldLayoutMk cId="4220407289" sldId="2147483709"/>
              <ac:spMk id="5" creationId="{EFC31927-AD98-66DE-D978-26CF854123DF}"/>
            </ac:spMkLst>
          </pc:spChg>
          <pc:spChg chg="add mod">
            <ac:chgData name="Jonas Bratseth" userId="7880613d-1198-4bca-afa6-2725a9958330" providerId="ADAL" clId="{C5F6A8B2-8015-4AF9-8F9A-EBFE2882138B}" dt="2022-05-09T08:49:45.193" v="874" actId="207"/>
            <ac:spMkLst>
              <pc:docMk/>
              <pc:sldMasterMk cId="2269285815" sldId="2147483706"/>
              <pc:sldLayoutMk cId="4220407289" sldId="2147483709"/>
              <ac:spMk id="6" creationId="{92144B83-CD2B-7ACA-A1C5-2DE1A2257515}"/>
            </ac:spMkLst>
          </pc:spChg>
        </pc:sldLayoutChg>
        <pc:sldLayoutChg chg="addSp modSp">
          <pc:chgData name="Jonas Bratseth" userId="7880613d-1198-4bca-afa6-2725a9958330" providerId="ADAL" clId="{C5F6A8B2-8015-4AF9-8F9A-EBFE2882138B}" dt="2022-05-09T08:49:37.495" v="872"/>
          <pc:sldLayoutMkLst>
            <pc:docMk/>
            <pc:sldMasterMk cId="2269285815" sldId="2147483706"/>
            <pc:sldLayoutMk cId="1288175719" sldId="2147483710"/>
          </pc:sldLayoutMkLst>
          <pc:spChg chg="add mod">
            <ac:chgData name="Jonas Bratseth" userId="7880613d-1198-4bca-afa6-2725a9958330" providerId="ADAL" clId="{C5F6A8B2-8015-4AF9-8F9A-EBFE2882138B}" dt="2022-05-09T08:49:37.495" v="872"/>
            <ac:spMkLst>
              <pc:docMk/>
              <pc:sldMasterMk cId="2269285815" sldId="2147483706"/>
              <pc:sldLayoutMk cId="1288175719" sldId="2147483710"/>
              <ac:spMk id="4" creationId="{AEE04267-51A5-4300-B1A3-345A67D0D394}"/>
            </ac:spMkLst>
          </pc:spChg>
          <pc:spChg chg="add mod">
            <ac:chgData name="Jonas Bratseth" userId="7880613d-1198-4bca-afa6-2725a9958330" providerId="ADAL" clId="{C5F6A8B2-8015-4AF9-8F9A-EBFE2882138B}" dt="2022-05-09T08:49:37.495" v="872"/>
            <ac:spMkLst>
              <pc:docMk/>
              <pc:sldMasterMk cId="2269285815" sldId="2147483706"/>
              <pc:sldLayoutMk cId="1288175719" sldId="2147483710"/>
              <ac:spMk id="5" creationId="{EFF75DB9-E2A7-5147-0D09-6C7B99412E6D}"/>
            </ac:spMkLst>
          </pc:spChg>
          <pc:spChg chg="add mod">
            <ac:chgData name="Jonas Bratseth" userId="7880613d-1198-4bca-afa6-2725a9958330" providerId="ADAL" clId="{C5F6A8B2-8015-4AF9-8F9A-EBFE2882138B}" dt="2022-05-09T08:49:37.495" v="872"/>
            <ac:spMkLst>
              <pc:docMk/>
              <pc:sldMasterMk cId="2269285815" sldId="2147483706"/>
              <pc:sldLayoutMk cId="1288175719" sldId="2147483710"/>
              <ac:spMk id="6" creationId="{2BAFADEB-E1F3-D483-7A5E-FA1241E56778}"/>
            </ac:spMkLst>
          </pc:spChg>
        </pc:sldLayoutChg>
        <pc:sldLayoutChg chg="addSp modSp">
          <pc:chgData name="Jonas Bratseth" userId="7880613d-1198-4bca-afa6-2725a9958330" providerId="ADAL" clId="{C5F6A8B2-8015-4AF9-8F9A-EBFE2882138B}" dt="2022-05-09T08:49:49.329" v="875"/>
          <pc:sldLayoutMkLst>
            <pc:docMk/>
            <pc:sldMasterMk cId="2269285815" sldId="2147483706"/>
            <pc:sldLayoutMk cId="2056493354" sldId="2147483711"/>
          </pc:sldLayoutMkLst>
          <pc:spChg chg="add mod">
            <ac:chgData name="Jonas Bratseth" userId="7880613d-1198-4bca-afa6-2725a9958330" providerId="ADAL" clId="{C5F6A8B2-8015-4AF9-8F9A-EBFE2882138B}" dt="2022-05-09T08:49:49.329" v="875"/>
            <ac:spMkLst>
              <pc:docMk/>
              <pc:sldMasterMk cId="2269285815" sldId="2147483706"/>
              <pc:sldLayoutMk cId="2056493354" sldId="2147483711"/>
              <ac:spMk id="4" creationId="{89367B78-1844-893D-615B-CD579150B031}"/>
            </ac:spMkLst>
          </pc:spChg>
          <pc:spChg chg="add mod">
            <ac:chgData name="Jonas Bratseth" userId="7880613d-1198-4bca-afa6-2725a9958330" providerId="ADAL" clId="{C5F6A8B2-8015-4AF9-8F9A-EBFE2882138B}" dt="2022-05-09T08:49:49.329" v="875"/>
            <ac:spMkLst>
              <pc:docMk/>
              <pc:sldMasterMk cId="2269285815" sldId="2147483706"/>
              <pc:sldLayoutMk cId="2056493354" sldId="2147483711"/>
              <ac:spMk id="5" creationId="{9CCBCEE7-DBA2-5473-B933-F8F1A22876CA}"/>
            </ac:spMkLst>
          </pc:spChg>
          <pc:spChg chg="add mod">
            <ac:chgData name="Jonas Bratseth" userId="7880613d-1198-4bca-afa6-2725a9958330" providerId="ADAL" clId="{C5F6A8B2-8015-4AF9-8F9A-EBFE2882138B}" dt="2022-05-09T08:49:49.329" v="875"/>
            <ac:spMkLst>
              <pc:docMk/>
              <pc:sldMasterMk cId="2269285815" sldId="2147483706"/>
              <pc:sldLayoutMk cId="2056493354" sldId="2147483711"/>
              <ac:spMk id="6" creationId="{C3EF9CCC-8657-41EA-4A62-855BF6A131D8}"/>
            </ac:spMkLst>
          </pc:spChg>
        </pc:sldLayoutChg>
        <pc:sldLayoutChg chg="addSp modSp">
          <pc:chgData name="Jonas Bratseth" userId="7880613d-1198-4bca-afa6-2725a9958330" providerId="ADAL" clId="{C5F6A8B2-8015-4AF9-8F9A-EBFE2882138B}" dt="2022-05-09T08:49:51.595" v="876"/>
          <pc:sldLayoutMkLst>
            <pc:docMk/>
            <pc:sldMasterMk cId="2269285815" sldId="2147483706"/>
            <pc:sldLayoutMk cId="2432138850" sldId="2147483712"/>
          </pc:sldLayoutMkLst>
          <pc:spChg chg="add mod">
            <ac:chgData name="Jonas Bratseth" userId="7880613d-1198-4bca-afa6-2725a9958330" providerId="ADAL" clId="{C5F6A8B2-8015-4AF9-8F9A-EBFE2882138B}" dt="2022-05-09T08:49:51.595" v="876"/>
            <ac:spMkLst>
              <pc:docMk/>
              <pc:sldMasterMk cId="2269285815" sldId="2147483706"/>
              <pc:sldLayoutMk cId="2432138850" sldId="2147483712"/>
              <ac:spMk id="4" creationId="{1705D46A-57DD-EA59-5469-A6B29CB5CE43}"/>
            </ac:spMkLst>
          </pc:spChg>
          <pc:spChg chg="add mod">
            <ac:chgData name="Jonas Bratseth" userId="7880613d-1198-4bca-afa6-2725a9958330" providerId="ADAL" clId="{C5F6A8B2-8015-4AF9-8F9A-EBFE2882138B}" dt="2022-05-09T08:49:51.595" v="876"/>
            <ac:spMkLst>
              <pc:docMk/>
              <pc:sldMasterMk cId="2269285815" sldId="2147483706"/>
              <pc:sldLayoutMk cId="2432138850" sldId="2147483712"/>
              <ac:spMk id="5" creationId="{63333820-83DD-EBD4-9A3E-7157895EE35C}"/>
            </ac:spMkLst>
          </pc:spChg>
          <pc:spChg chg="add mod">
            <ac:chgData name="Jonas Bratseth" userId="7880613d-1198-4bca-afa6-2725a9958330" providerId="ADAL" clId="{C5F6A8B2-8015-4AF9-8F9A-EBFE2882138B}" dt="2022-05-09T08:49:51.595" v="876"/>
            <ac:spMkLst>
              <pc:docMk/>
              <pc:sldMasterMk cId="2269285815" sldId="2147483706"/>
              <pc:sldLayoutMk cId="2432138850" sldId="2147483712"/>
              <ac:spMk id="6" creationId="{8F148AE9-5E31-1926-0092-90FDBC7839D4}"/>
            </ac:spMkLst>
          </pc:spChg>
        </pc:sldLayoutChg>
        <pc:sldLayoutChg chg="addSp modSp">
          <pc:chgData name="Jonas Bratseth" userId="7880613d-1198-4bca-afa6-2725a9958330" providerId="ADAL" clId="{C5F6A8B2-8015-4AF9-8F9A-EBFE2882138B}" dt="2022-05-09T08:49:59.525" v="879"/>
          <pc:sldLayoutMkLst>
            <pc:docMk/>
            <pc:sldMasterMk cId="2269285815" sldId="2147483706"/>
            <pc:sldLayoutMk cId="2206203928" sldId="2147483713"/>
          </pc:sldLayoutMkLst>
          <pc:spChg chg="add mod">
            <ac:chgData name="Jonas Bratseth" userId="7880613d-1198-4bca-afa6-2725a9958330" providerId="ADAL" clId="{C5F6A8B2-8015-4AF9-8F9A-EBFE2882138B}" dt="2022-05-09T08:49:59.525" v="879"/>
            <ac:spMkLst>
              <pc:docMk/>
              <pc:sldMasterMk cId="2269285815" sldId="2147483706"/>
              <pc:sldLayoutMk cId="2206203928" sldId="2147483713"/>
              <ac:spMk id="4" creationId="{DD26151A-6B8F-6371-6B17-699D46AD2538}"/>
            </ac:spMkLst>
          </pc:spChg>
          <pc:spChg chg="add mod">
            <ac:chgData name="Jonas Bratseth" userId="7880613d-1198-4bca-afa6-2725a9958330" providerId="ADAL" clId="{C5F6A8B2-8015-4AF9-8F9A-EBFE2882138B}" dt="2022-05-09T08:49:59.525" v="879"/>
            <ac:spMkLst>
              <pc:docMk/>
              <pc:sldMasterMk cId="2269285815" sldId="2147483706"/>
              <pc:sldLayoutMk cId="2206203928" sldId="2147483713"/>
              <ac:spMk id="5" creationId="{1B53F787-3D9D-8555-93E4-ECDC90418A87}"/>
            </ac:spMkLst>
          </pc:spChg>
          <pc:spChg chg="add mod">
            <ac:chgData name="Jonas Bratseth" userId="7880613d-1198-4bca-afa6-2725a9958330" providerId="ADAL" clId="{C5F6A8B2-8015-4AF9-8F9A-EBFE2882138B}" dt="2022-05-09T08:49:59.525" v="879"/>
            <ac:spMkLst>
              <pc:docMk/>
              <pc:sldMasterMk cId="2269285815" sldId="2147483706"/>
              <pc:sldLayoutMk cId="2206203928" sldId="2147483713"/>
              <ac:spMk id="6" creationId="{44A15301-DC43-AC33-45A9-266C5AE65726}"/>
            </ac:spMkLst>
          </pc:spChg>
        </pc:sldLayoutChg>
        <pc:sldLayoutChg chg="addSp modSp add mod replId modTransition">
          <pc:chgData name="Jonas Bratseth" userId="7880613d-1198-4bca-afa6-2725a9958330" providerId="ADAL" clId="{C5F6A8B2-8015-4AF9-8F9A-EBFE2882138B}" dt="2022-05-09T08:49:56.665" v="878" actId="207"/>
          <pc:sldLayoutMkLst>
            <pc:docMk/>
            <pc:sldMasterMk cId="2269285815" sldId="2147483706"/>
            <pc:sldLayoutMk cId="765799147" sldId="2147483792"/>
          </pc:sldLayoutMkLst>
          <pc:spChg chg="mod">
            <ac:chgData name="Jonas Bratseth" userId="7880613d-1198-4bca-afa6-2725a9958330" providerId="ADAL" clId="{C5F6A8B2-8015-4AF9-8F9A-EBFE2882138B}" dt="2022-05-09T06:27:58.020" v="72" actId="207"/>
            <ac:spMkLst>
              <pc:docMk/>
              <pc:sldMasterMk cId="2269285815" sldId="2147483706"/>
              <pc:sldLayoutMk cId="765799147" sldId="2147483792"/>
              <ac:spMk id="2" creationId="{AC19EA52-CBCE-445B-A868-0AF0E940F269}"/>
            </ac:spMkLst>
          </pc:spChg>
          <pc:spChg chg="add mod">
            <ac:chgData name="Jonas Bratseth" userId="7880613d-1198-4bca-afa6-2725a9958330" providerId="ADAL" clId="{C5F6A8B2-8015-4AF9-8F9A-EBFE2882138B}" dt="2022-05-09T08:49:56.665" v="878" actId="207"/>
            <ac:spMkLst>
              <pc:docMk/>
              <pc:sldMasterMk cId="2269285815" sldId="2147483706"/>
              <pc:sldLayoutMk cId="765799147" sldId="2147483792"/>
              <ac:spMk id="4" creationId="{A7831693-056A-E20B-097E-D984CADBB4F9}"/>
            </ac:spMkLst>
          </pc:spChg>
          <pc:spChg chg="add mod">
            <ac:chgData name="Jonas Bratseth" userId="7880613d-1198-4bca-afa6-2725a9958330" providerId="ADAL" clId="{C5F6A8B2-8015-4AF9-8F9A-EBFE2882138B}" dt="2022-05-09T08:49:56.665" v="878" actId="207"/>
            <ac:spMkLst>
              <pc:docMk/>
              <pc:sldMasterMk cId="2269285815" sldId="2147483706"/>
              <pc:sldLayoutMk cId="765799147" sldId="2147483792"/>
              <ac:spMk id="5" creationId="{B050927A-CE72-B2BF-0899-A3E0B10E06F8}"/>
            </ac:spMkLst>
          </pc:spChg>
          <pc:spChg chg="add mod">
            <ac:chgData name="Jonas Bratseth" userId="7880613d-1198-4bca-afa6-2725a9958330" providerId="ADAL" clId="{C5F6A8B2-8015-4AF9-8F9A-EBFE2882138B}" dt="2022-05-09T08:49:56.665" v="878" actId="207"/>
            <ac:spMkLst>
              <pc:docMk/>
              <pc:sldMasterMk cId="2269285815" sldId="2147483706"/>
              <pc:sldLayoutMk cId="765799147" sldId="2147483792"/>
              <ac:spMk id="6" creationId="{B1B2BEFA-1F51-4FEF-B780-1D3D379401AA}"/>
            </ac:spMkLst>
          </pc:spChg>
          <pc:spChg chg="mod">
            <ac:chgData name="Jonas Bratseth" userId="7880613d-1198-4bca-afa6-2725a9958330" providerId="ADAL" clId="{C5F6A8B2-8015-4AF9-8F9A-EBFE2882138B}" dt="2022-05-09T06:28:00.947" v="73" actId="207"/>
            <ac:spMkLst>
              <pc:docMk/>
              <pc:sldMasterMk cId="2269285815" sldId="2147483706"/>
              <pc:sldLayoutMk cId="765799147" sldId="2147483792"/>
              <ac:spMk id="9" creationId="{2519DE2E-30A8-4795-8CA3-AB25AAE8A266}"/>
            </ac:spMkLst>
          </pc:spChg>
          <pc:spChg chg="mod">
            <ac:chgData name="Jonas Bratseth" userId="7880613d-1198-4bca-afa6-2725a9958330" providerId="ADAL" clId="{C5F6A8B2-8015-4AF9-8F9A-EBFE2882138B}" dt="2022-05-09T06:28:16.013" v="74" actId="207"/>
            <ac:spMkLst>
              <pc:docMk/>
              <pc:sldMasterMk cId="2269285815" sldId="2147483706"/>
              <pc:sldLayoutMk cId="765799147" sldId="2147483792"/>
              <ac:spMk id="18" creationId="{3891292E-00E9-453D-967C-3464D9CCC4F7}"/>
            </ac:spMkLst>
          </pc:spChg>
        </pc:sldLayoutChg>
        <pc:sldLayoutChg chg="addSp modSp add mod modTransition">
          <pc:chgData name="Jonas Bratseth" userId="7880613d-1198-4bca-afa6-2725a9958330" providerId="ADAL" clId="{C5F6A8B2-8015-4AF9-8F9A-EBFE2882138B}" dt="2022-05-09T08:49:36.603" v="871"/>
          <pc:sldLayoutMkLst>
            <pc:docMk/>
            <pc:sldMasterMk cId="2269285815" sldId="2147483706"/>
            <pc:sldLayoutMk cId="2956283503" sldId="2147483793"/>
          </pc:sldLayoutMkLst>
          <pc:spChg chg="mod">
            <ac:chgData name="Jonas Bratseth" userId="7880613d-1198-4bca-afa6-2725a9958330" providerId="ADAL" clId="{C5F6A8B2-8015-4AF9-8F9A-EBFE2882138B}" dt="2022-05-09T06:30:22.302" v="76" actId="207"/>
            <ac:spMkLst>
              <pc:docMk/>
              <pc:sldMasterMk cId="2269285815" sldId="2147483706"/>
              <pc:sldLayoutMk cId="2956283503" sldId="2147483793"/>
              <ac:spMk id="2" creationId="{AC19EA52-CBCE-445B-A868-0AF0E940F269}"/>
            </ac:spMkLst>
          </pc:spChg>
          <pc:spChg chg="add mod">
            <ac:chgData name="Jonas Bratseth" userId="7880613d-1198-4bca-afa6-2725a9958330" providerId="ADAL" clId="{C5F6A8B2-8015-4AF9-8F9A-EBFE2882138B}" dt="2022-05-09T08:49:36.603" v="871"/>
            <ac:spMkLst>
              <pc:docMk/>
              <pc:sldMasterMk cId="2269285815" sldId="2147483706"/>
              <pc:sldLayoutMk cId="2956283503" sldId="2147483793"/>
              <ac:spMk id="4" creationId="{D0EDB0B6-0952-8308-67B4-5FF61ED0CAEA}"/>
            </ac:spMkLst>
          </pc:spChg>
          <pc:spChg chg="add mod">
            <ac:chgData name="Jonas Bratseth" userId="7880613d-1198-4bca-afa6-2725a9958330" providerId="ADAL" clId="{C5F6A8B2-8015-4AF9-8F9A-EBFE2882138B}" dt="2022-05-09T08:49:36.603" v="871"/>
            <ac:spMkLst>
              <pc:docMk/>
              <pc:sldMasterMk cId="2269285815" sldId="2147483706"/>
              <pc:sldLayoutMk cId="2956283503" sldId="2147483793"/>
              <ac:spMk id="5" creationId="{D2147BDF-8B4A-A73D-84DD-73FFC7E92C75}"/>
            </ac:spMkLst>
          </pc:spChg>
          <pc:spChg chg="add mod">
            <ac:chgData name="Jonas Bratseth" userId="7880613d-1198-4bca-afa6-2725a9958330" providerId="ADAL" clId="{C5F6A8B2-8015-4AF9-8F9A-EBFE2882138B}" dt="2022-05-09T08:49:36.603" v="871"/>
            <ac:spMkLst>
              <pc:docMk/>
              <pc:sldMasterMk cId="2269285815" sldId="2147483706"/>
              <pc:sldLayoutMk cId="2956283503" sldId="2147483793"/>
              <ac:spMk id="6" creationId="{34B85DCE-7594-27BF-71E8-647ED796DDA0}"/>
            </ac:spMkLst>
          </pc:spChg>
          <pc:spChg chg="mod">
            <ac:chgData name="Jonas Bratseth" userId="7880613d-1198-4bca-afa6-2725a9958330" providerId="ADAL" clId="{C5F6A8B2-8015-4AF9-8F9A-EBFE2882138B}" dt="2022-05-09T06:30:22.302" v="76" actId="207"/>
            <ac:spMkLst>
              <pc:docMk/>
              <pc:sldMasterMk cId="2269285815" sldId="2147483706"/>
              <pc:sldLayoutMk cId="2956283503" sldId="2147483793"/>
              <ac:spMk id="9" creationId="{2519DE2E-30A8-4795-8CA3-AB25AAE8A266}"/>
            </ac:spMkLst>
          </pc:spChg>
          <pc:spChg chg="mod">
            <ac:chgData name="Jonas Bratseth" userId="7880613d-1198-4bca-afa6-2725a9958330" providerId="ADAL" clId="{C5F6A8B2-8015-4AF9-8F9A-EBFE2882138B}" dt="2022-05-09T06:30:24.603" v="77" actId="207"/>
            <ac:spMkLst>
              <pc:docMk/>
              <pc:sldMasterMk cId="2269285815" sldId="2147483706"/>
              <pc:sldLayoutMk cId="2956283503" sldId="2147483793"/>
              <ac:spMk id="18" creationId="{3891292E-00E9-453D-967C-3464D9CCC4F7}"/>
            </ac:spMkLst>
          </pc:spChg>
        </pc:sldLayoutChg>
        <pc:sldLayoutChg chg="addSp modSp add mod modTransition">
          <pc:chgData name="Jonas Bratseth" userId="7880613d-1198-4bca-afa6-2725a9958330" providerId="ADAL" clId="{C5F6A8B2-8015-4AF9-8F9A-EBFE2882138B}" dt="2022-05-09T08:50:05.125" v="881" actId="207"/>
          <pc:sldLayoutMkLst>
            <pc:docMk/>
            <pc:sldMasterMk cId="2269285815" sldId="2147483706"/>
            <pc:sldLayoutMk cId="1226962832" sldId="2147483794"/>
          </pc:sldLayoutMkLst>
          <pc:spChg chg="mod">
            <ac:chgData name="Jonas Bratseth" userId="7880613d-1198-4bca-afa6-2725a9958330" providerId="ADAL" clId="{C5F6A8B2-8015-4AF9-8F9A-EBFE2882138B}" dt="2022-05-09T06:31:15.177" v="79" actId="207"/>
            <ac:spMkLst>
              <pc:docMk/>
              <pc:sldMasterMk cId="2269285815" sldId="2147483706"/>
              <pc:sldLayoutMk cId="1226962832" sldId="2147483794"/>
              <ac:spMk id="2" creationId="{AC19EA52-CBCE-445B-A868-0AF0E940F269}"/>
            </ac:spMkLst>
          </pc:spChg>
          <pc:spChg chg="add mod">
            <ac:chgData name="Jonas Bratseth" userId="7880613d-1198-4bca-afa6-2725a9958330" providerId="ADAL" clId="{C5F6A8B2-8015-4AF9-8F9A-EBFE2882138B}" dt="2022-05-09T08:50:05.125" v="881" actId="207"/>
            <ac:spMkLst>
              <pc:docMk/>
              <pc:sldMasterMk cId="2269285815" sldId="2147483706"/>
              <pc:sldLayoutMk cId="1226962832" sldId="2147483794"/>
              <ac:spMk id="4" creationId="{4C23B9C5-BF62-191C-E2E2-81AD277F242F}"/>
            </ac:spMkLst>
          </pc:spChg>
          <pc:spChg chg="add mod">
            <ac:chgData name="Jonas Bratseth" userId="7880613d-1198-4bca-afa6-2725a9958330" providerId="ADAL" clId="{C5F6A8B2-8015-4AF9-8F9A-EBFE2882138B}" dt="2022-05-09T08:50:05.125" v="881" actId="207"/>
            <ac:spMkLst>
              <pc:docMk/>
              <pc:sldMasterMk cId="2269285815" sldId="2147483706"/>
              <pc:sldLayoutMk cId="1226962832" sldId="2147483794"/>
              <ac:spMk id="5" creationId="{C5B521AD-2E85-FCC5-6DF6-9BE9491D5996}"/>
            </ac:spMkLst>
          </pc:spChg>
          <pc:spChg chg="add mod">
            <ac:chgData name="Jonas Bratseth" userId="7880613d-1198-4bca-afa6-2725a9958330" providerId="ADAL" clId="{C5F6A8B2-8015-4AF9-8F9A-EBFE2882138B}" dt="2022-05-09T08:50:05.125" v="881" actId="207"/>
            <ac:spMkLst>
              <pc:docMk/>
              <pc:sldMasterMk cId="2269285815" sldId="2147483706"/>
              <pc:sldLayoutMk cId="1226962832" sldId="2147483794"/>
              <ac:spMk id="6" creationId="{AD02950E-C60F-73CE-637F-C039AB3AA3A4}"/>
            </ac:spMkLst>
          </pc:spChg>
          <pc:spChg chg="mod">
            <ac:chgData name="Jonas Bratseth" userId="7880613d-1198-4bca-afa6-2725a9958330" providerId="ADAL" clId="{C5F6A8B2-8015-4AF9-8F9A-EBFE2882138B}" dt="2022-05-09T06:31:15.177" v="79" actId="207"/>
            <ac:spMkLst>
              <pc:docMk/>
              <pc:sldMasterMk cId="2269285815" sldId="2147483706"/>
              <pc:sldLayoutMk cId="1226962832" sldId="2147483794"/>
              <ac:spMk id="9" creationId="{2519DE2E-30A8-4795-8CA3-AB25AAE8A266}"/>
            </ac:spMkLst>
          </pc:spChg>
          <pc:spChg chg="mod">
            <ac:chgData name="Jonas Bratseth" userId="7880613d-1198-4bca-afa6-2725a9958330" providerId="ADAL" clId="{C5F6A8B2-8015-4AF9-8F9A-EBFE2882138B}" dt="2022-05-09T06:31:16.667" v="80" actId="207"/>
            <ac:spMkLst>
              <pc:docMk/>
              <pc:sldMasterMk cId="2269285815" sldId="2147483706"/>
              <pc:sldLayoutMk cId="1226962832" sldId="2147483794"/>
              <ac:spMk id="18" creationId="{3891292E-00E9-453D-967C-3464D9CCC4F7}"/>
            </ac:spMkLst>
          </pc:spChg>
        </pc:sldLayoutChg>
      </pc:sldMasterChg>
      <pc:sldMasterChg chg="del delSldLayout">
        <pc:chgData name="Jonas Bratseth" userId="7880613d-1198-4bca-afa6-2725a9958330" providerId="ADAL" clId="{C5F6A8B2-8015-4AF9-8F9A-EBFE2882138B}" dt="2022-05-09T06:21:23.217" v="17" actId="2696"/>
        <pc:sldMasterMkLst>
          <pc:docMk/>
          <pc:sldMasterMk cId="2320628436" sldId="2147483750"/>
        </pc:sldMasterMkLst>
        <pc:sldLayoutChg chg="del">
          <pc:chgData name="Jonas Bratseth" userId="7880613d-1198-4bca-afa6-2725a9958330" providerId="ADAL" clId="{C5F6A8B2-8015-4AF9-8F9A-EBFE2882138B}" dt="2022-05-09T06:21:23.157" v="0" actId="2696"/>
          <pc:sldLayoutMkLst>
            <pc:docMk/>
            <pc:sldMasterMk cId="2320628436" sldId="2147483750"/>
            <pc:sldLayoutMk cId="3196187509" sldId="2147483751"/>
          </pc:sldLayoutMkLst>
        </pc:sldLayoutChg>
        <pc:sldLayoutChg chg="del">
          <pc:chgData name="Jonas Bratseth" userId="7880613d-1198-4bca-afa6-2725a9958330" providerId="ADAL" clId="{C5F6A8B2-8015-4AF9-8F9A-EBFE2882138B}" dt="2022-05-09T06:21:23.167" v="1" actId="2696"/>
          <pc:sldLayoutMkLst>
            <pc:docMk/>
            <pc:sldMasterMk cId="2320628436" sldId="2147483750"/>
            <pc:sldLayoutMk cId="1426839797" sldId="2147483753"/>
          </pc:sldLayoutMkLst>
        </pc:sldLayoutChg>
        <pc:sldLayoutChg chg="del">
          <pc:chgData name="Jonas Bratseth" userId="7880613d-1198-4bca-afa6-2725a9958330" providerId="ADAL" clId="{C5F6A8B2-8015-4AF9-8F9A-EBFE2882138B}" dt="2022-05-09T06:21:23.167" v="2" actId="2696"/>
          <pc:sldLayoutMkLst>
            <pc:docMk/>
            <pc:sldMasterMk cId="2320628436" sldId="2147483750"/>
            <pc:sldLayoutMk cId="2720511642" sldId="2147483754"/>
          </pc:sldLayoutMkLst>
        </pc:sldLayoutChg>
        <pc:sldLayoutChg chg="del">
          <pc:chgData name="Jonas Bratseth" userId="7880613d-1198-4bca-afa6-2725a9958330" providerId="ADAL" clId="{C5F6A8B2-8015-4AF9-8F9A-EBFE2882138B}" dt="2022-05-09T06:21:23.167" v="3" actId="2696"/>
          <pc:sldLayoutMkLst>
            <pc:docMk/>
            <pc:sldMasterMk cId="2320628436" sldId="2147483750"/>
            <pc:sldLayoutMk cId="3815573634" sldId="2147483755"/>
          </pc:sldLayoutMkLst>
        </pc:sldLayoutChg>
        <pc:sldLayoutChg chg="del">
          <pc:chgData name="Jonas Bratseth" userId="7880613d-1198-4bca-afa6-2725a9958330" providerId="ADAL" clId="{C5F6A8B2-8015-4AF9-8F9A-EBFE2882138B}" dt="2022-05-09T06:21:23.167" v="4" actId="2696"/>
          <pc:sldLayoutMkLst>
            <pc:docMk/>
            <pc:sldMasterMk cId="2320628436" sldId="2147483750"/>
            <pc:sldLayoutMk cId="364998319" sldId="2147483756"/>
          </pc:sldLayoutMkLst>
        </pc:sldLayoutChg>
        <pc:sldLayoutChg chg="del">
          <pc:chgData name="Jonas Bratseth" userId="7880613d-1198-4bca-afa6-2725a9958330" providerId="ADAL" clId="{C5F6A8B2-8015-4AF9-8F9A-EBFE2882138B}" dt="2022-05-09T06:21:23.177" v="5" actId="2696"/>
          <pc:sldLayoutMkLst>
            <pc:docMk/>
            <pc:sldMasterMk cId="2320628436" sldId="2147483750"/>
            <pc:sldLayoutMk cId="2825092807" sldId="2147483757"/>
          </pc:sldLayoutMkLst>
        </pc:sldLayoutChg>
        <pc:sldLayoutChg chg="del">
          <pc:chgData name="Jonas Bratseth" userId="7880613d-1198-4bca-afa6-2725a9958330" providerId="ADAL" clId="{C5F6A8B2-8015-4AF9-8F9A-EBFE2882138B}" dt="2022-05-09T06:21:23.177" v="6" actId="2696"/>
          <pc:sldLayoutMkLst>
            <pc:docMk/>
            <pc:sldMasterMk cId="2320628436" sldId="2147483750"/>
            <pc:sldLayoutMk cId="2691689161" sldId="2147483758"/>
          </pc:sldLayoutMkLst>
        </pc:sldLayoutChg>
        <pc:sldLayoutChg chg="del">
          <pc:chgData name="Jonas Bratseth" userId="7880613d-1198-4bca-afa6-2725a9958330" providerId="ADAL" clId="{C5F6A8B2-8015-4AF9-8F9A-EBFE2882138B}" dt="2022-05-09T06:21:23.177" v="7" actId="2696"/>
          <pc:sldLayoutMkLst>
            <pc:docMk/>
            <pc:sldMasterMk cId="2320628436" sldId="2147483750"/>
            <pc:sldLayoutMk cId="2521237057" sldId="2147483759"/>
          </pc:sldLayoutMkLst>
        </pc:sldLayoutChg>
        <pc:sldLayoutChg chg="del">
          <pc:chgData name="Jonas Bratseth" userId="7880613d-1198-4bca-afa6-2725a9958330" providerId="ADAL" clId="{C5F6A8B2-8015-4AF9-8F9A-EBFE2882138B}" dt="2022-05-09T06:21:23.187" v="8" actId="2696"/>
          <pc:sldLayoutMkLst>
            <pc:docMk/>
            <pc:sldMasterMk cId="2320628436" sldId="2147483750"/>
            <pc:sldLayoutMk cId="3553216223" sldId="2147483760"/>
          </pc:sldLayoutMkLst>
        </pc:sldLayoutChg>
        <pc:sldLayoutChg chg="del">
          <pc:chgData name="Jonas Bratseth" userId="7880613d-1198-4bca-afa6-2725a9958330" providerId="ADAL" clId="{C5F6A8B2-8015-4AF9-8F9A-EBFE2882138B}" dt="2022-05-09T06:21:23.187" v="9" actId="2696"/>
          <pc:sldLayoutMkLst>
            <pc:docMk/>
            <pc:sldMasterMk cId="2320628436" sldId="2147483750"/>
            <pc:sldLayoutMk cId="389349032" sldId="2147483761"/>
          </pc:sldLayoutMkLst>
        </pc:sldLayoutChg>
        <pc:sldLayoutChg chg="del">
          <pc:chgData name="Jonas Bratseth" userId="7880613d-1198-4bca-afa6-2725a9958330" providerId="ADAL" clId="{C5F6A8B2-8015-4AF9-8F9A-EBFE2882138B}" dt="2022-05-09T06:21:23.187" v="10" actId="2696"/>
          <pc:sldLayoutMkLst>
            <pc:docMk/>
            <pc:sldMasterMk cId="2320628436" sldId="2147483750"/>
            <pc:sldLayoutMk cId="4237794960" sldId="2147483762"/>
          </pc:sldLayoutMkLst>
        </pc:sldLayoutChg>
        <pc:sldLayoutChg chg="del">
          <pc:chgData name="Jonas Bratseth" userId="7880613d-1198-4bca-afa6-2725a9958330" providerId="ADAL" clId="{C5F6A8B2-8015-4AF9-8F9A-EBFE2882138B}" dt="2022-05-09T06:21:23.197" v="11" actId="2696"/>
          <pc:sldLayoutMkLst>
            <pc:docMk/>
            <pc:sldMasterMk cId="2320628436" sldId="2147483750"/>
            <pc:sldLayoutMk cId="1968016115" sldId="2147483763"/>
          </pc:sldLayoutMkLst>
        </pc:sldLayoutChg>
        <pc:sldLayoutChg chg="del">
          <pc:chgData name="Jonas Bratseth" userId="7880613d-1198-4bca-afa6-2725a9958330" providerId="ADAL" clId="{C5F6A8B2-8015-4AF9-8F9A-EBFE2882138B}" dt="2022-05-09T06:21:23.197" v="12" actId="2696"/>
          <pc:sldLayoutMkLst>
            <pc:docMk/>
            <pc:sldMasterMk cId="2320628436" sldId="2147483750"/>
            <pc:sldLayoutMk cId="3826938538" sldId="2147483764"/>
          </pc:sldLayoutMkLst>
        </pc:sldLayoutChg>
        <pc:sldLayoutChg chg="del">
          <pc:chgData name="Jonas Bratseth" userId="7880613d-1198-4bca-afa6-2725a9958330" providerId="ADAL" clId="{C5F6A8B2-8015-4AF9-8F9A-EBFE2882138B}" dt="2022-05-09T06:21:23.207" v="14" actId="2696"/>
          <pc:sldLayoutMkLst>
            <pc:docMk/>
            <pc:sldMasterMk cId="2320628436" sldId="2147483750"/>
            <pc:sldLayoutMk cId="3568688972" sldId="2147483765"/>
          </pc:sldLayoutMkLst>
        </pc:sldLayoutChg>
        <pc:sldLayoutChg chg="del">
          <pc:chgData name="Jonas Bratseth" userId="7880613d-1198-4bca-afa6-2725a9958330" providerId="ADAL" clId="{C5F6A8B2-8015-4AF9-8F9A-EBFE2882138B}" dt="2022-05-09T06:21:23.207" v="16" actId="2696"/>
          <pc:sldLayoutMkLst>
            <pc:docMk/>
            <pc:sldMasterMk cId="2320628436" sldId="2147483750"/>
            <pc:sldLayoutMk cId="2089172061" sldId="2147483766"/>
          </pc:sldLayoutMkLst>
        </pc:sldLayoutChg>
        <pc:sldLayoutChg chg="del">
          <pc:chgData name="Jonas Bratseth" userId="7880613d-1198-4bca-afa6-2725a9958330" providerId="ADAL" clId="{C5F6A8B2-8015-4AF9-8F9A-EBFE2882138B}" dt="2022-05-09T06:21:23.197" v="13" actId="2696"/>
          <pc:sldLayoutMkLst>
            <pc:docMk/>
            <pc:sldMasterMk cId="2320628436" sldId="2147483750"/>
            <pc:sldLayoutMk cId="3113852648" sldId="2147483785"/>
          </pc:sldLayoutMkLst>
        </pc:sldLayoutChg>
        <pc:sldLayoutChg chg="del">
          <pc:chgData name="Jonas Bratseth" userId="7880613d-1198-4bca-afa6-2725a9958330" providerId="ADAL" clId="{C5F6A8B2-8015-4AF9-8F9A-EBFE2882138B}" dt="2022-05-09T06:21:23.207" v="15" actId="2696"/>
          <pc:sldLayoutMkLst>
            <pc:docMk/>
            <pc:sldMasterMk cId="2320628436" sldId="2147483750"/>
            <pc:sldLayoutMk cId="3749813770" sldId="2147483790"/>
          </pc:sldLayoutMkLst>
        </pc:sldLayoutChg>
      </pc:sldMasterChg>
      <pc:sldMasterChg chg="addSp delSp modSp mod modSldLayout">
        <pc:chgData name="Jonas Bratseth" userId="7880613d-1198-4bca-afa6-2725a9958330" providerId="ADAL" clId="{C5F6A8B2-8015-4AF9-8F9A-EBFE2882138B}" dt="2022-05-10T06:31:47.507" v="1165"/>
        <pc:sldMasterMkLst>
          <pc:docMk/>
          <pc:sldMasterMk cId="2243831206" sldId="2147483767"/>
        </pc:sldMasterMkLst>
        <pc:spChg chg="mod">
          <ac:chgData name="Jonas Bratseth" userId="7880613d-1198-4bca-afa6-2725a9958330" providerId="ADAL" clId="{C5F6A8B2-8015-4AF9-8F9A-EBFE2882138B}" dt="2022-05-09T09:04:09.565" v="1010"/>
          <ac:spMkLst>
            <pc:docMk/>
            <pc:sldMasterMk cId="2243831206" sldId="2147483767"/>
            <ac:spMk id="2" creationId="{EC00E0C1-94DD-4E87-91A3-A53B9DA66CC3}"/>
          </ac:spMkLst>
        </pc:spChg>
        <pc:spChg chg="mod">
          <ac:chgData name="Jonas Bratseth" userId="7880613d-1198-4bca-afa6-2725a9958330" providerId="ADAL" clId="{C5F6A8B2-8015-4AF9-8F9A-EBFE2882138B}" dt="2022-05-09T09:04:16.845" v="1011" actId="14100"/>
          <ac:spMkLst>
            <pc:docMk/>
            <pc:sldMasterMk cId="2243831206" sldId="2147483767"/>
            <ac:spMk id="3" creationId="{FB7FA735-9FEC-45E4-8627-8C8C6073AC5F}"/>
          </ac:spMkLst>
        </pc:spChg>
        <pc:spChg chg="mod">
          <ac:chgData name="Jonas Bratseth" userId="7880613d-1198-4bca-afa6-2725a9958330" providerId="ADAL" clId="{C5F6A8B2-8015-4AF9-8F9A-EBFE2882138B}" dt="2022-05-09T08:26:29.489" v="636" actId="207"/>
          <ac:spMkLst>
            <pc:docMk/>
            <pc:sldMasterMk cId="2243831206" sldId="2147483767"/>
            <ac:spMk id="4" creationId="{CA3087F5-780A-2366-343B-D7A1B7EC2D55}"/>
          </ac:spMkLst>
        </pc:spChg>
        <pc:spChg chg="mod">
          <ac:chgData name="Jonas Bratseth" userId="7880613d-1198-4bca-afa6-2725a9958330" providerId="ADAL" clId="{C5F6A8B2-8015-4AF9-8F9A-EBFE2882138B}" dt="2022-05-09T09:04:25.495" v="1015" actId="14100"/>
          <ac:spMkLst>
            <pc:docMk/>
            <pc:sldMasterMk cId="2243831206" sldId="2147483767"/>
            <ac:spMk id="5" creationId="{596F47F6-6A98-4E1E-B01E-2BE8C7E1830A}"/>
          </ac:spMkLst>
        </pc:spChg>
        <pc:spChg chg="add del mod">
          <ac:chgData name="Jonas Bratseth" userId="7880613d-1198-4bca-afa6-2725a9958330" providerId="ADAL" clId="{C5F6A8B2-8015-4AF9-8F9A-EBFE2882138B}" dt="2022-05-09T08:26:46.997" v="656" actId="478"/>
          <ac:spMkLst>
            <pc:docMk/>
            <pc:sldMasterMk cId="2243831206" sldId="2147483767"/>
            <ac:spMk id="7" creationId="{C84940FE-7524-2276-2597-87DF7C1A47B6}"/>
          </ac:spMkLst>
        </pc:spChg>
        <pc:spChg chg="add del mod">
          <ac:chgData name="Jonas Bratseth" userId="7880613d-1198-4bca-afa6-2725a9958330" providerId="ADAL" clId="{C5F6A8B2-8015-4AF9-8F9A-EBFE2882138B}" dt="2022-05-09T08:26:31.996" v="637" actId="478"/>
          <ac:spMkLst>
            <pc:docMk/>
            <pc:sldMasterMk cId="2243831206" sldId="2147483767"/>
            <ac:spMk id="8" creationId="{9FF9692B-FC6E-57AD-B8D5-8544DC27FAE3}"/>
          </ac:spMkLst>
        </pc:spChg>
        <pc:spChg chg="add del mod">
          <ac:chgData name="Jonas Bratseth" userId="7880613d-1198-4bca-afa6-2725a9958330" providerId="ADAL" clId="{C5F6A8B2-8015-4AF9-8F9A-EBFE2882138B}" dt="2022-05-09T08:25:35.537" v="604" actId="478"/>
          <ac:spMkLst>
            <pc:docMk/>
            <pc:sldMasterMk cId="2243831206" sldId="2147483767"/>
            <ac:spMk id="9" creationId="{06C51F5B-B5D5-8273-A62B-0A2A889AA2CD}"/>
          </ac:spMkLst>
        </pc:spChg>
        <pc:spChg chg="mod">
          <ac:chgData name="Jonas Bratseth" userId="7880613d-1198-4bca-afa6-2725a9958330" providerId="ADAL" clId="{C5F6A8B2-8015-4AF9-8F9A-EBFE2882138B}" dt="2022-05-09T08:26:44.317" v="655" actId="207"/>
          <ac:spMkLst>
            <pc:docMk/>
            <pc:sldMasterMk cId="2243831206" sldId="2147483767"/>
            <ac:spMk id="10" creationId="{D8D9D493-117B-7A58-6E5A-2515C87497CB}"/>
          </ac:spMkLst>
        </pc:spChg>
        <pc:spChg chg="add del mod">
          <ac:chgData name="Jonas Bratseth" userId="7880613d-1198-4bca-afa6-2725a9958330" providerId="ADAL" clId="{C5F6A8B2-8015-4AF9-8F9A-EBFE2882138B}" dt="2022-05-09T09:04:21.315" v="1014" actId="478"/>
          <ac:spMkLst>
            <pc:docMk/>
            <pc:sldMasterMk cId="2243831206" sldId="2147483767"/>
            <ac:spMk id="11" creationId="{63911DC2-D0BC-E927-3F1E-D27F10A72C90}"/>
          </ac:spMkLst>
        </pc:spChg>
        <pc:spChg chg="add del mod">
          <ac:chgData name="Jonas Bratseth" userId="7880613d-1198-4bca-afa6-2725a9958330" providerId="ADAL" clId="{C5F6A8B2-8015-4AF9-8F9A-EBFE2882138B}" dt="2022-05-09T09:04:20.495" v="1013" actId="478"/>
          <ac:spMkLst>
            <pc:docMk/>
            <pc:sldMasterMk cId="2243831206" sldId="2147483767"/>
            <ac:spMk id="12" creationId="{2B9D0784-5D9F-B260-405B-15021410AC8C}"/>
          </ac:spMkLst>
        </pc:spChg>
        <pc:spChg chg="add del mod">
          <ac:chgData name="Jonas Bratseth" userId="7880613d-1198-4bca-afa6-2725a9958330" providerId="ADAL" clId="{C5F6A8B2-8015-4AF9-8F9A-EBFE2882138B}" dt="2022-05-09T09:04:19.095" v="1012" actId="478"/>
          <ac:spMkLst>
            <pc:docMk/>
            <pc:sldMasterMk cId="2243831206" sldId="2147483767"/>
            <ac:spMk id="13" creationId="{1DAC134F-7E35-1E84-C26B-DA69EED5C413}"/>
          </ac:spMkLst>
        </pc:spChg>
        <pc:sldLayoutChg chg="addSp delSp modSp mod">
          <pc:chgData name="Jonas Bratseth" userId="7880613d-1198-4bca-afa6-2725a9958330" providerId="ADAL" clId="{C5F6A8B2-8015-4AF9-8F9A-EBFE2882138B}" dt="2022-05-09T13:32:14.226" v="1158" actId="478"/>
          <pc:sldLayoutMkLst>
            <pc:docMk/>
            <pc:sldMasterMk cId="2243831206" sldId="2147483767"/>
            <pc:sldLayoutMk cId="1983850776" sldId="2147483768"/>
          </pc:sldLayoutMkLst>
          <pc:spChg chg="add del mod">
            <ac:chgData name="Jonas Bratseth" userId="7880613d-1198-4bca-afa6-2725a9958330" providerId="ADAL" clId="{C5F6A8B2-8015-4AF9-8F9A-EBFE2882138B}" dt="2022-05-09T08:28:09.436" v="658"/>
            <ac:spMkLst>
              <pc:docMk/>
              <pc:sldMasterMk cId="2243831206" sldId="2147483767"/>
              <pc:sldLayoutMk cId="1983850776" sldId="2147483768"/>
              <ac:spMk id="2" creationId="{D07A2C30-BAC3-EDCA-B586-78926C96C0D9}"/>
            </ac:spMkLst>
          </pc:spChg>
          <pc:spChg chg="add del mod">
            <ac:chgData name="Jonas Bratseth" userId="7880613d-1198-4bca-afa6-2725a9958330" providerId="ADAL" clId="{C5F6A8B2-8015-4AF9-8F9A-EBFE2882138B}" dt="2022-05-09T08:28:09.436" v="658"/>
            <ac:spMkLst>
              <pc:docMk/>
              <pc:sldMasterMk cId="2243831206" sldId="2147483767"/>
              <pc:sldLayoutMk cId="1983850776" sldId="2147483768"/>
              <ac:spMk id="4" creationId="{BE29401C-963B-7F35-B53A-3D85E38D0FB6}"/>
            </ac:spMkLst>
          </pc:spChg>
          <pc:spChg chg="add del mod">
            <ac:chgData name="Jonas Bratseth" userId="7880613d-1198-4bca-afa6-2725a9958330" providerId="ADAL" clId="{C5F6A8B2-8015-4AF9-8F9A-EBFE2882138B}" dt="2022-05-09T08:28:12.127" v="660" actId="478"/>
            <ac:spMkLst>
              <pc:docMk/>
              <pc:sldMasterMk cId="2243831206" sldId="2147483767"/>
              <pc:sldLayoutMk cId="1983850776" sldId="2147483768"/>
              <ac:spMk id="5" creationId="{380FB52F-C135-BD80-EB8E-AE01FE727674}"/>
            </ac:spMkLst>
          </pc:spChg>
          <pc:spChg chg="add mod">
            <ac:chgData name="Jonas Bratseth" userId="7880613d-1198-4bca-afa6-2725a9958330" providerId="ADAL" clId="{C5F6A8B2-8015-4AF9-8F9A-EBFE2882138B}" dt="2022-05-09T13:31:25.157" v="1150" actId="207"/>
            <ac:spMkLst>
              <pc:docMk/>
              <pc:sldMasterMk cId="2243831206" sldId="2147483767"/>
              <pc:sldLayoutMk cId="1983850776" sldId="2147483768"/>
              <ac:spMk id="6" creationId="{8F6E4096-9A09-FBED-C1E7-FEFE02F1696E}"/>
            </ac:spMkLst>
          </pc:spChg>
          <pc:spChg chg="add mod">
            <ac:chgData name="Jonas Bratseth" userId="7880613d-1198-4bca-afa6-2725a9958330" providerId="ADAL" clId="{C5F6A8B2-8015-4AF9-8F9A-EBFE2882138B}" dt="2022-05-09T08:28:09.816" v="659"/>
            <ac:spMkLst>
              <pc:docMk/>
              <pc:sldMasterMk cId="2243831206" sldId="2147483767"/>
              <pc:sldLayoutMk cId="1983850776" sldId="2147483768"/>
              <ac:spMk id="7" creationId="{74F7272C-3E8B-A404-40E9-523547827B23}"/>
            </ac:spMkLst>
          </pc:spChg>
          <pc:spChg chg="del">
            <ac:chgData name="Jonas Bratseth" userId="7880613d-1198-4bca-afa6-2725a9958330" providerId="ADAL" clId="{C5F6A8B2-8015-4AF9-8F9A-EBFE2882138B}" dt="2022-05-09T08:28:09.436" v="658"/>
            <ac:spMkLst>
              <pc:docMk/>
              <pc:sldMasterMk cId="2243831206" sldId="2147483767"/>
              <pc:sldLayoutMk cId="1983850776" sldId="2147483768"/>
              <ac:spMk id="11" creationId="{A4B5E9D0-5AD0-4620-898F-B8CBAD3BCBA3}"/>
            </ac:spMkLst>
          </pc:spChg>
          <pc:spChg chg="add del mod">
            <ac:chgData name="Jonas Bratseth" userId="7880613d-1198-4bca-afa6-2725a9958330" providerId="ADAL" clId="{C5F6A8B2-8015-4AF9-8F9A-EBFE2882138B}" dt="2022-05-09T13:31:13.126" v="1146"/>
            <ac:spMkLst>
              <pc:docMk/>
              <pc:sldMasterMk cId="2243831206" sldId="2147483767"/>
              <pc:sldLayoutMk cId="1983850776" sldId="2147483768"/>
              <ac:spMk id="14" creationId="{47035356-D867-B526-6C44-A424D0D35276}"/>
            </ac:spMkLst>
          </pc:spChg>
          <pc:spChg chg="add del mod ord">
            <ac:chgData name="Jonas Bratseth" userId="7880613d-1198-4bca-afa6-2725a9958330" providerId="ADAL" clId="{C5F6A8B2-8015-4AF9-8F9A-EBFE2882138B}" dt="2022-05-09T13:32:13.406" v="1157"/>
            <ac:spMkLst>
              <pc:docMk/>
              <pc:sldMasterMk cId="2243831206" sldId="2147483767"/>
              <pc:sldLayoutMk cId="1983850776" sldId="2147483768"/>
              <ac:spMk id="15" creationId="{1E4697D0-9D5E-06E9-F8DA-555F0C492905}"/>
            </ac:spMkLst>
          </pc:spChg>
          <pc:spChg chg="add del">
            <ac:chgData name="Jonas Bratseth" userId="7880613d-1198-4bca-afa6-2725a9958330" providerId="ADAL" clId="{C5F6A8B2-8015-4AF9-8F9A-EBFE2882138B}" dt="2022-05-09T13:32:14.226" v="1158" actId="478"/>
            <ac:spMkLst>
              <pc:docMk/>
              <pc:sldMasterMk cId="2243831206" sldId="2147483767"/>
              <pc:sldLayoutMk cId="1983850776" sldId="2147483768"/>
              <ac:spMk id="18" creationId="{3891292E-00E9-453D-967C-3464D9CCC4F7}"/>
            </ac:spMkLst>
          </pc:spChg>
        </pc:sldLayoutChg>
        <pc:sldLayoutChg chg="addSp delSp modSp mod">
          <pc:chgData name="Jonas Bratseth" userId="7880613d-1198-4bca-afa6-2725a9958330" providerId="ADAL" clId="{C5F6A8B2-8015-4AF9-8F9A-EBFE2882138B}" dt="2022-05-09T13:32:11.016" v="1155" actId="207"/>
          <pc:sldLayoutMkLst>
            <pc:docMk/>
            <pc:sldMasterMk cId="2243831206" sldId="2147483767"/>
            <pc:sldLayoutMk cId="2098187026" sldId="2147483770"/>
          </pc:sldLayoutMkLst>
          <pc:spChg chg="add del mod">
            <ac:chgData name="Jonas Bratseth" userId="7880613d-1198-4bca-afa6-2725a9958330" providerId="ADAL" clId="{C5F6A8B2-8015-4AF9-8F9A-EBFE2882138B}" dt="2022-05-09T08:28:18.566" v="662"/>
            <ac:spMkLst>
              <pc:docMk/>
              <pc:sldMasterMk cId="2243831206" sldId="2147483767"/>
              <pc:sldLayoutMk cId="2098187026" sldId="2147483770"/>
              <ac:spMk id="2" creationId="{7753B469-BAEF-2C83-38F2-33FCBDCBBE54}"/>
            </ac:spMkLst>
          </pc:spChg>
          <pc:spChg chg="add del mod">
            <ac:chgData name="Jonas Bratseth" userId="7880613d-1198-4bca-afa6-2725a9958330" providerId="ADAL" clId="{C5F6A8B2-8015-4AF9-8F9A-EBFE2882138B}" dt="2022-05-09T08:28:20.736" v="664" actId="478"/>
            <ac:spMkLst>
              <pc:docMk/>
              <pc:sldMasterMk cId="2243831206" sldId="2147483767"/>
              <pc:sldLayoutMk cId="2098187026" sldId="2147483770"/>
              <ac:spMk id="4" creationId="{1C19218C-226E-0B4D-3FDF-F713F8B5B3BD}"/>
            </ac:spMkLst>
          </pc:spChg>
          <pc:spChg chg="del">
            <ac:chgData name="Jonas Bratseth" userId="7880613d-1198-4bca-afa6-2725a9958330" providerId="ADAL" clId="{C5F6A8B2-8015-4AF9-8F9A-EBFE2882138B}" dt="2022-05-09T08:28:18.566" v="662"/>
            <ac:spMkLst>
              <pc:docMk/>
              <pc:sldMasterMk cId="2243831206" sldId="2147483767"/>
              <pc:sldLayoutMk cId="2098187026" sldId="2147483770"/>
              <ac:spMk id="5" creationId="{8EDAF1BB-D4DD-4390-8C59-BBD2D2C67E20}"/>
            </ac:spMkLst>
          </pc:spChg>
          <pc:spChg chg="add mod">
            <ac:chgData name="Jonas Bratseth" userId="7880613d-1198-4bca-afa6-2725a9958330" providerId="ADAL" clId="{C5F6A8B2-8015-4AF9-8F9A-EBFE2882138B}" dt="2022-05-09T13:31:54.669" v="1153" actId="207"/>
            <ac:spMkLst>
              <pc:docMk/>
              <pc:sldMasterMk cId="2243831206" sldId="2147483767"/>
              <pc:sldLayoutMk cId="2098187026" sldId="2147483770"/>
              <ac:spMk id="6" creationId="{9FA8D0D5-4142-8923-1F30-87F81C50F26A}"/>
            </ac:spMkLst>
          </pc:spChg>
          <pc:spChg chg="mod">
            <ac:chgData name="Jonas Bratseth" userId="7880613d-1198-4bca-afa6-2725a9958330" providerId="ADAL" clId="{C5F6A8B2-8015-4AF9-8F9A-EBFE2882138B}" dt="2022-05-09T13:32:11.016" v="1155" actId="207"/>
            <ac:spMkLst>
              <pc:docMk/>
              <pc:sldMasterMk cId="2243831206" sldId="2147483767"/>
              <pc:sldLayoutMk cId="2098187026" sldId="2147483770"/>
              <ac:spMk id="7" creationId="{2CB31F07-7988-4E6E-9EB1-1E331F9F3747}"/>
            </ac:spMkLst>
          </pc:spChg>
          <pc:spChg chg="add mod">
            <ac:chgData name="Jonas Bratseth" userId="7880613d-1198-4bca-afa6-2725a9958330" providerId="ADAL" clId="{C5F6A8B2-8015-4AF9-8F9A-EBFE2882138B}" dt="2022-05-09T13:31:54.669" v="1153" actId="207"/>
            <ac:spMkLst>
              <pc:docMk/>
              <pc:sldMasterMk cId="2243831206" sldId="2147483767"/>
              <pc:sldLayoutMk cId="2098187026" sldId="2147483770"/>
              <ac:spMk id="8" creationId="{F6C80863-452E-DDE6-E33A-5291D515F20B}"/>
            </ac:spMkLst>
          </pc:spChg>
          <pc:spChg chg="del">
            <ac:chgData name="Jonas Bratseth" userId="7880613d-1198-4bca-afa6-2725a9958330" providerId="ADAL" clId="{C5F6A8B2-8015-4AF9-8F9A-EBFE2882138B}" dt="2022-05-09T08:28:18.566" v="662"/>
            <ac:spMkLst>
              <pc:docMk/>
              <pc:sldMasterMk cId="2243831206" sldId="2147483767"/>
              <pc:sldLayoutMk cId="2098187026" sldId="2147483770"/>
              <ac:spMk id="9" creationId="{6BA452CE-6521-4710-BBBF-4AE21A3DDEF5}"/>
            </ac:spMkLst>
          </pc:spChg>
        </pc:sldLayoutChg>
        <pc:sldLayoutChg chg="addSp delSp modSp mod">
          <pc:chgData name="Jonas Bratseth" userId="7880613d-1198-4bca-afa6-2725a9958330" providerId="ADAL" clId="{C5F6A8B2-8015-4AF9-8F9A-EBFE2882138B}" dt="2022-05-09T08:28:25.721" v="668" actId="478"/>
          <pc:sldLayoutMkLst>
            <pc:docMk/>
            <pc:sldMasterMk cId="2243831206" sldId="2147483767"/>
            <pc:sldLayoutMk cId="3224551424" sldId="2147483771"/>
          </pc:sldLayoutMkLst>
          <pc:spChg chg="add del mod">
            <ac:chgData name="Jonas Bratseth" userId="7880613d-1198-4bca-afa6-2725a9958330" providerId="ADAL" clId="{C5F6A8B2-8015-4AF9-8F9A-EBFE2882138B}" dt="2022-05-09T08:28:23.546" v="666"/>
            <ac:spMkLst>
              <pc:docMk/>
              <pc:sldMasterMk cId="2243831206" sldId="2147483767"/>
              <pc:sldLayoutMk cId="3224551424" sldId="2147483771"/>
              <ac:spMk id="2" creationId="{4924DF5E-585F-FFC4-9766-76AD863EAEA1}"/>
            </ac:spMkLst>
          </pc:spChg>
          <pc:spChg chg="add del mod">
            <ac:chgData name="Jonas Bratseth" userId="7880613d-1198-4bca-afa6-2725a9958330" providerId="ADAL" clId="{C5F6A8B2-8015-4AF9-8F9A-EBFE2882138B}" dt="2022-05-09T08:28:25.721" v="668" actId="478"/>
            <ac:spMkLst>
              <pc:docMk/>
              <pc:sldMasterMk cId="2243831206" sldId="2147483767"/>
              <pc:sldLayoutMk cId="3224551424" sldId="2147483771"/>
              <ac:spMk id="3" creationId="{D25499D1-1D99-3769-038D-6F4C14E9E919}"/>
            </ac:spMkLst>
          </pc:spChg>
          <pc:spChg chg="add mod">
            <ac:chgData name="Jonas Bratseth" userId="7880613d-1198-4bca-afa6-2725a9958330" providerId="ADAL" clId="{C5F6A8B2-8015-4AF9-8F9A-EBFE2882138B}" dt="2022-05-09T08:28:23.924" v="667"/>
            <ac:spMkLst>
              <pc:docMk/>
              <pc:sldMasterMk cId="2243831206" sldId="2147483767"/>
              <pc:sldLayoutMk cId="3224551424" sldId="2147483771"/>
              <ac:spMk id="4" creationId="{C0EB83B5-5908-DF89-41BA-94832817B52E}"/>
            </ac:spMkLst>
          </pc:spChg>
          <pc:spChg chg="del">
            <ac:chgData name="Jonas Bratseth" userId="7880613d-1198-4bca-afa6-2725a9958330" providerId="ADAL" clId="{C5F6A8B2-8015-4AF9-8F9A-EBFE2882138B}" dt="2022-05-09T08:28:23.546" v="666"/>
            <ac:spMkLst>
              <pc:docMk/>
              <pc:sldMasterMk cId="2243831206" sldId="2147483767"/>
              <pc:sldLayoutMk cId="3224551424" sldId="2147483771"/>
              <ac:spMk id="5" creationId="{8EDAF1BB-D4DD-4390-8C59-BBD2D2C67E20}"/>
            </ac:spMkLst>
          </pc:spChg>
          <pc:spChg chg="add mod">
            <ac:chgData name="Jonas Bratseth" userId="7880613d-1198-4bca-afa6-2725a9958330" providerId="ADAL" clId="{C5F6A8B2-8015-4AF9-8F9A-EBFE2882138B}" dt="2022-05-09T08:28:23.924" v="667"/>
            <ac:spMkLst>
              <pc:docMk/>
              <pc:sldMasterMk cId="2243831206" sldId="2147483767"/>
              <pc:sldLayoutMk cId="3224551424" sldId="2147483771"/>
              <ac:spMk id="7" creationId="{2E0DDAD6-7EED-2A79-0861-380A9D499F5E}"/>
            </ac:spMkLst>
          </pc:spChg>
          <pc:spChg chg="del">
            <ac:chgData name="Jonas Bratseth" userId="7880613d-1198-4bca-afa6-2725a9958330" providerId="ADAL" clId="{C5F6A8B2-8015-4AF9-8F9A-EBFE2882138B}" dt="2022-05-09T08:28:23.546" v="666"/>
            <ac:spMkLst>
              <pc:docMk/>
              <pc:sldMasterMk cId="2243831206" sldId="2147483767"/>
              <pc:sldLayoutMk cId="3224551424" sldId="2147483771"/>
              <ac:spMk id="8" creationId="{83E9D99F-0012-4E73-A817-39C3B2316B8A}"/>
            </ac:spMkLst>
          </pc:spChg>
        </pc:sldLayoutChg>
        <pc:sldLayoutChg chg="addSp modSp">
          <pc:chgData name="Jonas Bratseth" userId="7880613d-1198-4bca-afa6-2725a9958330" providerId="ADAL" clId="{C5F6A8B2-8015-4AF9-8F9A-EBFE2882138B}" dt="2022-05-09T08:28:28.236" v="669"/>
          <pc:sldLayoutMkLst>
            <pc:docMk/>
            <pc:sldMasterMk cId="2243831206" sldId="2147483767"/>
            <pc:sldLayoutMk cId="2017783747" sldId="2147483772"/>
          </pc:sldLayoutMkLst>
          <pc:spChg chg="add mod">
            <ac:chgData name="Jonas Bratseth" userId="7880613d-1198-4bca-afa6-2725a9958330" providerId="ADAL" clId="{C5F6A8B2-8015-4AF9-8F9A-EBFE2882138B}" dt="2022-05-09T08:28:28.236" v="669"/>
            <ac:spMkLst>
              <pc:docMk/>
              <pc:sldMasterMk cId="2243831206" sldId="2147483767"/>
              <pc:sldLayoutMk cId="2017783747" sldId="2147483772"/>
              <ac:spMk id="3" creationId="{203F8D64-F93E-F455-32CE-3A57D80E9D70}"/>
            </ac:spMkLst>
          </pc:spChg>
          <pc:spChg chg="add mod">
            <ac:chgData name="Jonas Bratseth" userId="7880613d-1198-4bca-afa6-2725a9958330" providerId="ADAL" clId="{C5F6A8B2-8015-4AF9-8F9A-EBFE2882138B}" dt="2022-05-09T08:28:28.236" v="669"/>
            <ac:spMkLst>
              <pc:docMk/>
              <pc:sldMasterMk cId="2243831206" sldId="2147483767"/>
              <pc:sldLayoutMk cId="2017783747" sldId="2147483772"/>
              <ac:spMk id="4" creationId="{4FFE5EF0-15AE-3421-AC6F-1ADC80407060}"/>
            </ac:spMkLst>
          </pc:spChg>
          <pc:spChg chg="add mod">
            <ac:chgData name="Jonas Bratseth" userId="7880613d-1198-4bca-afa6-2725a9958330" providerId="ADAL" clId="{C5F6A8B2-8015-4AF9-8F9A-EBFE2882138B}" dt="2022-05-09T08:28:28.236" v="669"/>
            <ac:spMkLst>
              <pc:docMk/>
              <pc:sldMasterMk cId="2243831206" sldId="2147483767"/>
              <pc:sldLayoutMk cId="2017783747" sldId="2147483772"/>
              <ac:spMk id="5" creationId="{E0298708-0E76-B8DB-8A03-D4F4C16072A8}"/>
            </ac:spMkLst>
          </pc:spChg>
        </pc:sldLayoutChg>
        <pc:sldLayoutChg chg="addSp modSp mod">
          <pc:chgData name="Jonas Bratseth" userId="7880613d-1198-4bca-afa6-2725a9958330" providerId="ADAL" clId="{C5F6A8B2-8015-4AF9-8F9A-EBFE2882138B}" dt="2022-05-09T09:05:37.745" v="1020" actId="14100"/>
          <pc:sldLayoutMkLst>
            <pc:docMk/>
            <pc:sldMasterMk cId="2243831206" sldId="2147483767"/>
            <pc:sldLayoutMk cId="545532331" sldId="2147483773"/>
          </pc:sldLayoutMkLst>
          <pc:spChg chg="mod">
            <ac:chgData name="Jonas Bratseth" userId="7880613d-1198-4bca-afa6-2725a9958330" providerId="ADAL" clId="{C5F6A8B2-8015-4AF9-8F9A-EBFE2882138B}" dt="2022-05-09T09:05:37.745" v="1020" actId="14100"/>
            <ac:spMkLst>
              <pc:docMk/>
              <pc:sldMasterMk cId="2243831206" sldId="2147483767"/>
              <pc:sldLayoutMk cId="545532331" sldId="2147483773"/>
              <ac:spMk id="2" creationId="{9D8C0CC4-FF8D-4840-9F6A-DCCFD694CE44}"/>
            </ac:spMkLst>
          </pc:spChg>
          <pc:spChg chg="mod">
            <ac:chgData name="Jonas Bratseth" userId="7880613d-1198-4bca-afa6-2725a9958330" providerId="ADAL" clId="{C5F6A8B2-8015-4AF9-8F9A-EBFE2882138B}" dt="2022-05-09T09:05:34.845" v="1019"/>
            <ac:spMkLst>
              <pc:docMk/>
              <pc:sldMasterMk cId="2243831206" sldId="2147483767"/>
              <pc:sldLayoutMk cId="545532331" sldId="2147483773"/>
              <ac:spMk id="3" creationId="{0D93E16A-6125-4B01-9B97-3CA53DFF61AB}"/>
            </ac:spMkLst>
          </pc:spChg>
          <pc:spChg chg="add mod">
            <ac:chgData name="Jonas Bratseth" userId="7880613d-1198-4bca-afa6-2725a9958330" providerId="ADAL" clId="{C5F6A8B2-8015-4AF9-8F9A-EBFE2882138B}" dt="2022-05-09T08:28:30.636" v="670"/>
            <ac:spMkLst>
              <pc:docMk/>
              <pc:sldMasterMk cId="2243831206" sldId="2147483767"/>
              <pc:sldLayoutMk cId="545532331" sldId="2147483773"/>
              <ac:spMk id="4" creationId="{D8384D90-5C07-187A-A1B0-2BE2AA4E3B13}"/>
            </ac:spMkLst>
          </pc:spChg>
          <pc:spChg chg="add mod">
            <ac:chgData name="Jonas Bratseth" userId="7880613d-1198-4bca-afa6-2725a9958330" providerId="ADAL" clId="{C5F6A8B2-8015-4AF9-8F9A-EBFE2882138B}" dt="2022-05-09T08:28:30.636" v="670"/>
            <ac:spMkLst>
              <pc:docMk/>
              <pc:sldMasterMk cId="2243831206" sldId="2147483767"/>
              <pc:sldLayoutMk cId="545532331" sldId="2147483773"/>
              <ac:spMk id="5" creationId="{D03A824F-C3C0-D97F-72E5-E9754DEF17F3}"/>
            </ac:spMkLst>
          </pc:spChg>
        </pc:sldLayoutChg>
        <pc:sldLayoutChg chg="addSp modSp">
          <pc:chgData name="Jonas Bratseth" userId="7880613d-1198-4bca-afa6-2725a9958330" providerId="ADAL" clId="{C5F6A8B2-8015-4AF9-8F9A-EBFE2882138B}" dt="2022-05-09T08:28:32.496" v="671"/>
          <pc:sldLayoutMkLst>
            <pc:docMk/>
            <pc:sldMasterMk cId="2243831206" sldId="2147483767"/>
            <pc:sldLayoutMk cId="1384918506" sldId="2147483774"/>
          </pc:sldLayoutMkLst>
          <pc:spChg chg="add mod">
            <ac:chgData name="Jonas Bratseth" userId="7880613d-1198-4bca-afa6-2725a9958330" providerId="ADAL" clId="{C5F6A8B2-8015-4AF9-8F9A-EBFE2882138B}" dt="2022-05-09T08:28:32.496" v="671"/>
            <ac:spMkLst>
              <pc:docMk/>
              <pc:sldMasterMk cId="2243831206" sldId="2147483767"/>
              <pc:sldLayoutMk cId="1384918506" sldId="2147483774"/>
              <ac:spMk id="3" creationId="{897CFCE9-BBA5-0866-3CA6-D7F8D6463530}"/>
            </ac:spMkLst>
          </pc:spChg>
          <pc:spChg chg="add mod">
            <ac:chgData name="Jonas Bratseth" userId="7880613d-1198-4bca-afa6-2725a9958330" providerId="ADAL" clId="{C5F6A8B2-8015-4AF9-8F9A-EBFE2882138B}" dt="2022-05-09T08:28:32.496" v="671"/>
            <ac:spMkLst>
              <pc:docMk/>
              <pc:sldMasterMk cId="2243831206" sldId="2147483767"/>
              <pc:sldLayoutMk cId="1384918506" sldId="2147483774"/>
              <ac:spMk id="4" creationId="{117BBB58-110D-CC18-BEEE-93632D37B7D7}"/>
            </ac:spMkLst>
          </pc:spChg>
        </pc:sldLayoutChg>
        <pc:sldLayoutChg chg="addSp delSp modSp mod">
          <pc:chgData name="Jonas Bratseth" userId="7880613d-1198-4bca-afa6-2725a9958330" providerId="ADAL" clId="{C5F6A8B2-8015-4AF9-8F9A-EBFE2882138B}" dt="2022-05-09T08:28:37.596" v="674"/>
          <pc:sldLayoutMkLst>
            <pc:docMk/>
            <pc:sldMasterMk cId="2243831206" sldId="2147483767"/>
            <pc:sldLayoutMk cId="295710683" sldId="2147483775"/>
          </pc:sldLayoutMkLst>
          <pc:spChg chg="add del mod">
            <ac:chgData name="Jonas Bratseth" userId="7880613d-1198-4bca-afa6-2725a9958330" providerId="ADAL" clId="{C5F6A8B2-8015-4AF9-8F9A-EBFE2882138B}" dt="2022-05-09T08:28:37.250" v="673"/>
            <ac:spMkLst>
              <pc:docMk/>
              <pc:sldMasterMk cId="2243831206" sldId="2147483767"/>
              <pc:sldLayoutMk cId="295710683" sldId="2147483775"/>
              <ac:spMk id="3" creationId="{9E5238A3-E71A-2447-EEAB-2A9F1C20289B}"/>
            </ac:spMkLst>
          </pc:spChg>
          <pc:spChg chg="add del mod">
            <ac:chgData name="Jonas Bratseth" userId="7880613d-1198-4bca-afa6-2725a9958330" providerId="ADAL" clId="{C5F6A8B2-8015-4AF9-8F9A-EBFE2882138B}" dt="2022-05-09T08:28:37.250" v="673"/>
            <ac:spMkLst>
              <pc:docMk/>
              <pc:sldMasterMk cId="2243831206" sldId="2147483767"/>
              <pc:sldLayoutMk cId="295710683" sldId="2147483775"/>
              <ac:spMk id="4" creationId="{49DC9DF7-2C86-F590-A8F5-100CA928364D}"/>
            </ac:spMkLst>
          </pc:spChg>
          <pc:spChg chg="add mod">
            <ac:chgData name="Jonas Bratseth" userId="7880613d-1198-4bca-afa6-2725a9958330" providerId="ADAL" clId="{C5F6A8B2-8015-4AF9-8F9A-EBFE2882138B}" dt="2022-05-09T08:28:37.596" v="674"/>
            <ac:spMkLst>
              <pc:docMk/>
              <pc:sldMasterMk cId="2243831206" sldId="2147483767"/>
              <pc:sldLayoutMk cId="295710683" sldId="2147483775"/>
              <ac:spMk id="5" creationId="{1D1AA37A-999E-4B4B-2724-8437570614C1}"/>
            </ac:spMkLst>
          </pc:spChg>
          <pc:spChg chg="mod">
            <ac:chgData name="Jonas Bratseth" userId="7880613d-1198-4bca-afa6-2725a9958330" providerId="ADAL" clId="{C5F6A8B2-8015-4AF9-8F9A-EBFE2882138B}" dt="2022-05-09T07:45:12.649" v="311" actId="1076"/>
            <ac:spMkLst>
              <pc:docMk/>
              <pc:sldMasterMk cId="2243831206" sldId="2147483767"/>
              <pc:sldLayoutMk cId="295710683" sldId="2147483775"/>
              <ac:spMk id="6" creationId="{39C633A9-1FFF-4537-8715-2AC956C6BE80}"/>
            </ac:spMkLst>
          </pc:spChg>
          <pc:spChg chg="mod">
            <ac:chgData name="Jonas Bratseth" userId="7880613d-1198-4bca-afa6-2725a9958330" providerId="ADAL" clId="{C5F6A8B2-8015-4AF9-8F9A-EBFE2882138B}" dt="2022-05-09T07:46:48.538" v="319" actId="2711"/>
            <ac:spMkLst>
              <pc:docMk/>
              <pc:sldMasterMk cId="2243831206" sldId="2147483767"/>
              <pc:sldLayoutMk cId="295710683" sldId="2147483775"/>
              <ac:spMk id="7" creationId="{32B8C940-39F3-450D-A5E9-074D998391CE}"/>
            </ac:spMkLst>
          </pc:spChg>
          <pc:spChg chg="add mod">
            <ac:chgData name="Jonas Bratseth" userId="7880613d-1198-4bca-afa6-2725a9958330" providerId="ADAL" clId="{C5F6A8B2-8015-4AF9-8F9A-EBFE2882138B}" dt="2022-05-09T08:28:37.596" v="674"/>
            <ac:spMkLst>
              <pc:docMk/>
              <pc:sldMasterMk cId="2243831206" sldId="2147483767"/>
              <pc:sldLayoutMk cId="295710683" sldId="2147483775"/>
              <ac:spMk id="8" creationId="{E4425A62-A728-75FE-931A-03CC26640056}"/>
            </ac:spMkLst>
          </pc:spChg>
          <pc:spChg chg="mod">
            <ac:chgData name="Jonas Bratseth" userId="7880613d-1198-4bca-afa6-2725a9958330" providerId="ADAL" clId="{C5F6A8B2-8015-4AF9-8F9A-EBFE2882138B}" dt="2022-05-09T07:46:48.538" v="319" actId="2711"/>
            <ac:spMkLst>
              <pc:docMk/>
              <pc:sldMasterMk cId="2243831206" sldId="2147483767"/>
              <pc:sldLayoutMk cId="295710683" sldId="2147483775"/>
              <ac:spMk id="9" creationId="{811D9235-DDE9-4289-8F46-F0D05758E858}"/>
            </ac:spMkLst>
          </pc:spChg>
          <pc:spChg chg="add mod">
            <ac:chgData name="Jonas Bratseth" userId="7880613d-1198-4bca-afa6-2725a9958330" providerId="ADAL" clId="{C5F6A8B2-8015-4AF9-8F9A-EBFE2882138B}" dt="2022-05-09T08:28:37.596" v="674"/>
            <ac:spMkLst>
              <pc:docMk/>
              <pc:sldMasterMk cId="2243831206" sldId="2147483767"/>
              <pc:sldLayoutMk cId="295710683" sldId="2147483775"/>
              <ac:spMk id="10" creationId="{86C1D3CE-7FE4-8303-C7D1-E78F3DB6736D}"/>
            </ac:spMkLst>
          </pc:spChg>
          <pc:spChg chg="del">
            <ac:chgData name="Jonas Bratseth" userId="7880613d-1198-4bca-afa6-2725a9958330" providerId="ADAL" clId="{C5F6A8B2-8015-4AF9-8F9A-EBFE2882138B}" dt="2022-05-09T08:28:37.250" v="673"/>
            <ac:spMkLst>
              <pc:docMk/>
              <pc:sldMasterMk cId="2243831206" sldId="2147483767"/>
              <pc:sldLayoutMk cId="295710683" sldId="2147483775"/>
              <ac:spMk id="11" creationId="{0E0D9193-69AD-43FB-9918-A2B29145892B}"/>
            </ac:spMkLst>
          </pc:spChg>
          <pc:spChg chg="mod">
            <ac:chgData name="Jonas Bratseth" userId="7880613d-1198-4bca-afa6-2725a9958330" providerId="ADAL" clId="{C5F6A8B2-8015-4AF9-8F9A-EBFE2882138B}" dt="2022-05-09T07:45:12.649" v="311" actId="1076"/>
            <ac:spMkLst>
              <pc:docMk/>
              <pc:sldMasterMk cId="2243831206" sldId="2147483767"/>
              <pc:sldLayoutMk cId="295710683" sldId="2147483775"/>
              <ac:spMk id="13" creationId="{7C40E28E-F22B-4290-AC19-015D2EF8E6B5}"/>
            </ac:spMkLst>
          </pc:spChg>
        </pc:sldLayoutChg>
        <pc:sldLayoutChg chg="addSp delSp modSp mod">
          <pc:chgData name="Jonas Bratseth" userId="7880613d-1198-4bca-afa6-2725a9958330" providerId="ADAL" clId="{C5F6A8B2-8015-4AF9-8F9A-EBFE2882138B}" dt="2022-05-09T08:28:40.396" v="677"/>
          <pc:sldLayoutMkLst>
            <pc:docMk/>
            <pc:sldMasterMk cId="2243831206" sldId="2147483767"/>
            <pc:sldLayoutMk cId="2436821319" sldId="2147483776"/>
          </pc:sldLayoutMkLst>
          <pc:spChg chg="add del mod">
            <ac:chgData name="Jonas Bratseth" userId="7880613d-1198-4bca-afa6-2725a9958330" providerId="ADAL" clId="{C5F6A8B2-8015-4AF9-8F9A-EBFE2882138B}" dt="2022-05-09T08:28:40.076" v="676"/>
            <ac:spMkLst>
              <pc:docMk/>
              <pc:sldMasterMk cId="2243831206" sldId="2147483767"/>
              <pc:sldLayoutMk cId="2436821319" sldId="2147483776"/>
              <ac:spMk id="3" creationId="{D3C35635-426B-14FE-6925-FD41C7FB33B4}"/>
            </ac:spMkLst>
          </pc:spChg>
          <pc:spChg chg="add del mod">
            <ac:chgData name="Jonas Bratseth" userId="7880613d-1198-4bca-afa6-2725a9958330" providerId="ADAL" clId="{C5F6A8B2-8015-4AF9-8F9A-EBFE2882138B}" dt="2022-05-09T08:28:40.076" v="676"/>
            <ac:spMkLst>
              <pc:docMk/>
              <pc:sldMasterMk cId="2243831206" sldId="2147483767"/>
              <pc:sldLayoutMk cId="2436821319" sldId="2147483776"/>
              <ac:spMk id="4" creationId="{AD77C639-0780-FB54-CAE1-6DFE69DB75A1}"/>
            </ac:spMkLst>
          </pc:spChg>
          <pc:spChg chg="add mod">
            <ac:chgData name="Jonas Bratseth" userId="7880613d-1198-4bca-afa6-2725a9958330" providerId="ADAL" clId="{C5F6A8B2-8015-4AF9-8F9A-EBFE2882138B}" dt="2022-05-09T08:28:40.396" v="677"/>
            <ac:spMkLst>
              <pc:docMk/>
              <pc:sldMasterMk cId="2243831206" sldId="2147483767"/>
              <pc:sldLayoutMk cId="2436821319" sldId="2147483776"/>
              <ac:spMk id="5" creationId="{50B8FCF5-3E95-1E3F-285C-C5DAF7CA64A8}"/>
            </ac:spMkLst>
          </pc:spChg>
          <pc:spChg chg="mod">
            <ac:chgData name="Jonas Bratseth" userId="7880613d-1198-4bca-afa6-2725a9958330" providerId="ADAL" clId="{C5F6A8B2-8015-4AF9-8F9A-EBFE2882138B}" dt="2022-05-09T07:46:14.388" v="315" actId="1076"/>
            <ac:spMkLst>
              <pc:docMk/>
              <pc:sldMasterMk cId="2243831206" sldId="2147483767"/>
              <pc:sldLayoutMk cId="2436821319" sldId="2147483776"/>
              <ac:spMk id="6" creationId="{39C633A9-1FFF-4537-8715-2AC956C6BE80}"/>
            </ac:spMkLst>
          </pc:spChg>
          <pc:spChg chg="mod">
            <ac:chgData name="Jonas Bratseth" userId="7880613d-1198-4bca-afa6-2725a9958330" providerId="ADAL" clId="{C5F6A8B2-8015-4AF9-8F9A-EBFE2882138B}" dt="2022-05-09T07:50:29.698" v="328" actId="2711"/>
            <ac:spMkLst>
              <pc:docMk/>
              <pc:sldMasterMk cId="2243831206" sldId="2147483767"/>
              <pc:sldLayoutMk cId="2436821319" sldId="2147483776"/>
              <ac:spMk id="7" creationId="{32B8C940-39F3-450D-A5E9-074D998391CE}"/>
            </ac:spMkLst>
          </pc:spChg>
          <pc:spChg chg="add mod">
            <ac:chgData name="Jonas Bratseth" userId="7880613d-1198-4bca-afa6-2725a9958330" providerId="ADAL" clId="{C5F6A8B2-8015-4AF9-8F9A-EBFE2882138B}" dt="2022-05-09T08:28:40.396" v="677"/>
            <ac:spMkLst>
              <pc:docMk/>
              <pc:sldMasterMk cId="2243831206" sldId="2147483767"/>
              <pc:sldLayoutMk cId="2436821319" sldId="2147483776"/>
              <ac:spMk id="8" creationId="{BE52C034-A4ED-559F-F96D-A58145243BF3}"/>
            </ac:spMkLst>
          </pc:spChg>
          <pc:spChg chg="mod">
            <ac:chgData name="Jonas Bratseth" userId="7880613d-1198-4bca-afa6-2725a9958330" providerId="ADAL" clId="{C5F6A8B2-8015-4AF9-8F9A-EBFE2882138B}" dt="2022-05-09T07:50:29.698" v="328" actId="2711"/>
            <ac:spMkLst>
              <pc:docMk/>
              <pc:sldMasterMk cId="2243831206" sldId="2147483767"/>
              <pc:sldLayoutMk cId="2436821319" sldId="2147483776"/>
              <ac:spMk id="9" creationId="{811D9235-DDE9-4289-8F46-F0D05758E858}"/>
            </ac:spMkLst>
          </pc:spChg>
          <pc:spChg chg="mod">
            <ac:chgData name="Jonas Bratseth" userId="7880613d-1198-4bca-afa6-2725a9958330" providerId="ADAL" clId="{C5F6A8B2-8015-4AF9-8F9A-EBFE2882138B}" dt="2022-05-09T07:46:14.388" v="315" actId="1076"/>
            <ac:spMkLst>
              <pc:docMk/>
              <pc:sldMasterMk cId="2243831206" sldId="2147483767"/>
              <pc:sldLayoutMk cId="2436821319" sldId="2147483776"/>
              <ac:spMk id="10" creationId="{BB489D15-1D3B-475B-804D-55D1F4B566B7}"/>
            </ac:spMkLst>
          </pc:spChg>
          <pc:spChg chg="mod">
            <ac:chgData name="Jonas Bratseth" userId="7880613d-1198-4bca-afa6-2725a9958330" providerId="ADAL" clId="{C5F6A8B2-8015-4AF9-8F9A-EBFE2882138B}" dt="2022-05-09T07:50:29.698" v="328" actId="2711"/>
            <ac:spMkLst>
              <pc:docMk/>
              <pc:sldMasterMk cId="2243831206" sldId="2147483767"/>
              <pc:sldLayoutMk cId="2436821319" sldId="2147483776"/>
              <ac:spMk id="11" creationId="{929123D7-9B88-424A-A714-A5F0D0690309}"/>
            </ac:spMkLst>
          </pc:spChg>
          <pc:spChg chg="add mod">
            <ac:chgData name="Jonas Bratseth" userId="7880613d-1198-4bca-afa6-2725a9958330" providerId="ADAL" clId="{C5F6A8B2-8015-4AF9-8F9A-EBFE2882138B}" dt="2022-05-09T08:28:40.396" v="677"/>
            <ac:spMkLst>
              <pc:docMk/>
              <pc:sldMasterMk cId="2243831206" sldId="2147483767"/>
              <pc:sldLayoutMk cId="2436821319" sldId="2147483776"/>
              <ac:spMk id="12" creationId="{C39BAE2E-9E4C-7793-750D-A6DE6203DC98}"/>
            </ac:spMkLst>
          </pc:spChg>
          <pc:spChg chg="mod">
            <ac:chgData name="Jonas Bratseth" userId="7880613d-1198-4bca-afa6-2725a9958330" providerId="ADAL" clId="{C5F6A8B2-8015-4AF9-8F9A-EBFE2882138B}" dt="2022-05-09T07:46:14.388" v="315" actId="1076"/>
            <ac:spMkLst>
              <pc:docMk/>
              <pc:sldMasterMk cId="2243831206" sldId="2147483767"/>
              <pc:sldLayoutMk cId="2436821319" sldId="2147483776"/>
              <ac:spMk id="13" creationId="{7C40E28E-F22B-4290-AC19-015D2EF8E6B5}"/>
            </ac:spMkLst>
          </pc:spChg>
          <pc:spChg chg="del">
            <ac:chgData name="Jonas Bratseth" userId="7880613d-1198-4bca-afa6-2725a9958330" providerId="ADAL" clId="{C5F6A8B2-8015-4AF9-8F9A-EBFE2882138B}" dt="2022-05-09T08:28:40.076" v="676"/>
            <ac:spMkLst>
              <pc:docMk/>
              <pc:sldMasterMk cId="2243831206" sldId="2147483767"/>
              <pc:sldLayoutMk cId="2436821319" sldId="2147483776"/>
              <ac:spMk id="15" creationId="{C4B1CCD6-DE24-4885-B377-F22C82601BEA}"/>
            </ac:spMkLst>
          </pc:spChg>
        </pc:sldLayoutChg>
        <pc:sldLayoutChg chg="addSp delSp modSp mod">
          <pc:chgData name="Jonas Bratseth" userId="7880613d-1198-4bca-afa6-2725a9958330" providerId="ADAL" clId="{C5F6A8B2-8015-4AF9-8F9A-EBFE2882138B}" dt="2022-05-09T08:28:43.196" v="680"/>
          <pc:sldLayoutMkLst>
            <pc:docMk/>
            <pc:sldMasterMk cId="2243831206" sldId="2147483767"/>
            <pc:sldLayoutMk cId="1299304862" sldId="2147483777"/>
          </pc:sldLayoutMkLst>
          <pc:spChg chg="add del mod">
            <ac:chgData name="Jonas Bratseth" userId="7880613d-1198-4bca-afa6-2725a9958330" providerId="ADAL" clId="{C5F6A8B2-8015-4AF9-8F9A-EBFE2882138B}" dt="2022-05-09T08:28:42.816" v="679"/>
            <ac:spMkLst>
              <pc:docMk/>
              <pc:sldMasterMk cId="2243831206" sldId="2147483767"/>
              <pc:sldLayoutMk cId="1299304862" sldId="2147483777"/>
              <ac:spMk id="3" creationId="{E66D3ED0-55A4-C5F4-52D0-4E0B34FF8290}"/>
            </ac:spMkLst>
          </pc:spChg>
          <pc:spChg chg="add del mod">
            <ac:chgData name="Jonas Bratseth" userId="7880613d-1198-4bca-afa6-2725a9958330" providerId="ADAL" clId="{C5F6A8B2-8015-4AF9-8F9A-EBFE2882138B}" dt="2022-05-09T08:28:42.816" v="679"/>
            <ac:spMkLst>
              <pc:docMk/>
              <pc:sldMasterMk cId="2243831206" sldId="2147483767"/>
              <pc:sldLayoutMk cId="1299304862" sldId="2147483777"/>
              <ac:spMk id="4" creationId="{D4FC9445-19A2-755B-973F-C0B24402CDE5}"/>
            </ac:spMkLst>
          </pc:spChg>
          <pc:spChg chg="add mod">
            <ac:chgData name="Jonas Bratseth" userId="7880613d-1198-4bca-afa6-2725a9958330" providerId="ADAL" clId="{C5F6A8B2-8015-4AF9-8F9A-EBFE2882138B}" dt="2022-05-09T08:28:43.196" v="680"/>
            <ac:spMkLst>
              <pc:docMk/>
              <pc:sldMasterMk cId="2243831206" sldId="2147483767"/>
              <pc:sldLayoutMk cId="1299304862" sldId="2147483777"/>
              <ac:spMk id="5" creationId="{BA3F1B26-92FF-A9B2-0541-1DEC971DB688}"/>
            </ac:spMkLst>
          </pc:spChg>
          <pc:spChg chg="mod">
            <ac:chgData name="Jonas Bratseth" userId="7880613d-1198-4bca-afa6-2725a9958330" providerId="ADAL" clId="{C5F6A8B2-8015-4AF9-8F9A-EBFE2882138B}" dt="2022-05-09T07:47:33.810" v="321" actId="1076"/>
            <ac:spMkLst>
              <pc:docMk/>
              <pc:sldMasterMk cId="2243831206" sldId="2147483767"/>
              <pc:sldLayoutMk cId="1299304862" sldId="2147483777"/>
              <ac:spMk id="6" creationId="{39C633A9-1FFF-4537-8715-2AC956C6BE80}"/>
            </ac:spMkLst>
          </pc:spChg>
          <pc:spChg chg="add mod">
            <ac:chgData name="Jonas Bratseth" userId="7880613d-1198-4bca-afa6-2725a9958330" providerId="ADAL" clId="{C5F6A8B2-8015-4AF9-8F9A-EBFE2882138B}" dt="2022-05-09T08:28:43.196" v="680"/>
            <ac:spMkLst>
              <pc:docMk/>
              <pc:sldMasterMk cId="2243831206" sldId="2147483767"/>
              <pc:sldLayoutMk cId="1299304862" sldId="2147483777"/>
              <ac:spMk id="7" creationId="{BEFE7DC1-8478-58B2-2E38-EE7D42E662B5}"/>
            </ac:spMkLst>
          </pc:spChg>
          <pc:spChg chg="add mod">
            <ac:chgData name="Jonas Bratseth" userId="7880613d-1198-4bca-afa6-2725a9958330" providerId="ADAL" clId="{C5F6A8B2-8015-4AF9-8F9A-EBFE2882138B}" dt="2022-05-09T08:28:43.196" v="680"/>
            <ac:spMkLst>
              <pc:docMk/>
              <pc:sldMasterMk cId="2243831206" sldId="2147483767"/>
              <pc:sldLayoutMk cId="1299304862" sldId="2147483777"/>
              <ac:spMk id="8" creationId="{A559A295-0954-EEFE-FD6A-BBA04AA836B4}"/>
            </ac:spMkLst>
          </pc:spChg>
          <pc:spChg chg="mod">
            <ac:chgData name="Jonas Bratseth" userId="7880613d-1198-4bca-afa6-2725a9958330" providerId="ADAL" clId="{C5F6A8B2-8015-4AF9-8F9A-EBFE2882138B}" dt="2022-05-09T07:50:47.108" v="329" actId="2711"/>
            <ac:spMkLst>
              <pc:docMk/>
              <pc:sldMasterMk cId="2243831206" sldId="2147483767"/>
              <pc:sldLayoutMk cId="1299304862" sldId="2147483777"/>
              <ac:spMk id="9" creationId="{811D9235-DDE9-4289-8F46-F0D05758E858}"/>
            </ac:spMkLst>
          </pc:spChg>
          <pc:spChg chg="mod">
            <ac:chgData name="Jonas Bratseth" userId="7880613d-1198-4bca-afa6-2725a9958330" providerId="ADAL" clId="{C5F6A8B2-8015-4AF9-8F9A-EBFE2882138B}" dt="2022-05-09T07:47:33.810" v="321" actId="1076"/>
            <ac:spMkLst>
              <pc:docMk/>
              <pc:sldMasterMk cId="2243831206" sldId="2147483767"/>
              <pc:sldLayoutMk cId="1299304862" sldId="2147483777"/>
              <ac:spMk id="10" creationId="{BB489D15-1D3B-475B-804D-55D1F4B566B7}"/>
            </ac:spMkLst>
          </pc:spChg>
          <pc:spChg chg="mod">
            <ac:chgData name="Jonas Bratseth" userId="7880613d-1198-4bca-afa6-2725a9958330" providerId="ADAL" clId="{C5F6A8B2-8015-4AF9-8F9A-EBFE2882138B}" dt="2022-05-09T07:50:47.108" v="329" actId="2711"/>
            <ac:spMkLst>
              <pc:docMk/>
              <pc:sldMasterMk cId="2243831206" sldId="2147483767"/>
              <pc:sldLayoutMk cId="1299304862" sldId="2147483777"/>
              <ac:spMk id="12" creationId="{1353C839-9966-4A19-AE29-71299F46D598}"/>
            </ac:spMkLst>
          </pc:spChg>
          <pc:spChg chg="mod">
            <ac:chgData name="Jonas Bratseth" userId="7880613d-1198-4bca-afa6-2725a9958330" providerId="ADAL" clId="{C5F6A8B2-8015-4AF9-8F9A-EBFE2882138B}" dt="2022-05-09T07:47:33.810" v="321" actId="1076"/>
            <ac:spMkLst>
              <pc:docMk/>
              <pc:sldMasterMk cId="2243831206" sldId="2147483767"/>
              <pc:sldLayoutMk cId="1299304862" sldId="2147483777"/>
              <ac:spMk id="13" creationId="{7C40E28E-F22B-4290-AC19-015D2EF8E6B5}"/>
            </ac:spMkLst>
          </pc:spChg>
          <pc:spChg chg="mod">
            <ac:chgData name="Jonas Bratseth" userId="7880613d-1198-4bca-afa6-2725a9958330" providerId="ADAL" clId="{C5F6A8B2-8015-4AF9-8F9A-EBFE2882138B}" dt="2022-05-09T07:50:47.108" v="329" actId="2711"/>
            <ac:spMkLst>
              <pc:docMk/>
              <pc:sldMasterMk cId="2243831206" sldId="2147483767"/>
              <pc:sldLayoutMk cId="1299304862" sldId="2147483777"/>
              <ac:spMk id="14" creationId="{0E603540-E738-4A65-864E-9CE8F767BD6D}"/>
            </ac:spMkLst>
          </pc:spChg>
          <pc:spChg chg="mod">
            <ac:chgData name="Jonas Bratseth" userId="7880613d-1198-4bca-afa6-2725a9958330" providerId="ADAL" clId="{C5F6A8B2-8015-4AF9-8F9A-EBFE2882138B}" dt="2022-05-09T07:47:33.810" v="321" actId="1076"/>
            <ac:spMkLst>
              <pc:docMk/>
              <pc:sldMasterMk cId="2243831206" sldId="2147483767"/>
              <pc:sldLayoutMk cId="1299304862" sldId="2147483777"/>
              <ac:spMk id="16" creationId="{C3EFE82E-AFA9-4392-A98D-D7E91F50D3AD}"/>
            </ac:spMkLst>
          </pc:spChg>
          <pc:spChg chg="mod">
            <ac:chgData name="Jonas Bratseth" userId="7880613d-1198-4bca-afa6-2725a9958330" providerId="ADAL" clId="{C5F6A8B2-8015-4AF9-8F9A-EBFE2882138B}" dt="2022-05-09T07:50:47.108" v="329" actId="2711"/>
            <ac:spMkLst>
              <pc:docMk/>
              <pc:sldMasterMk cId="2243831206" sldId="2147483767"/>
              <pc:sldLayoutMk cId="1299304862" sldId="2147483777"/>
              <ac:spMk id="17" creationId="{0B600F13-F9ED-4493-AEA6-C2211E17F328}"/>
            </ac:spMkLst>
          </pc:spChg>
          <pc:spChg chg="del">
            <ac:chgData name="Jonas Bratseth" userId="7880613d-1198-4bca-afa6-2725a9958330" providerId="ADAL" clId="{C5F6A8B2-8015-4AF9-8F9A-EBFE2882138B}" dt="2022-05-09T08:28:42.816" v="679"/>
            <ac:spMkLst>
              <pc:docMk/>
              <pc:sldMasterMk cId="2243831206" sldId="2147483767"/>
              <pc:sldLayoutMk cId="1299304862" sldId="2147483777"/>
              <ac:spMk id="19" creationId="{BC6E86D0-4AE7-46BC-A435-E79A60A5FA38}"/>
            </ac:spMkLst>
          </pc:spChg>
        </pc:sldLayoutChg>
        <pc:sldLayoutChg chg="addSp delSp modSp mod">
          <pc:chgData name="Jonas Bratseth" userId="7880613d-1198-4bca-afa6-2725a9958330" providerId="ADAL" clId="{C5F6A8B2-8015-4AF9-8F9A-EBFE2882138B}" dt="2022-05-09T08:28:47.966" v="683"/>
          <pc:sldLayoutMkLst>
            <pc:docMk/>
            <pc:sldMasterMk cId="2243831206" sldId="2147483767"/>
            <pc:sldLayoutMk cId="3218888475" sldId="2147483778"/>
          </pc:sldLayoutMkLst>
          <pc:spChg chg="add del mod">
            <ac:chgData name="Jonas Bratseth" userId="7880613d-1198-4bca-afa6-2725a9958330" providerId="ADAL" clId="{C5F6A8B2-8015-4AF9-8F9A-EBFE2882138B}" dt="2022-05-09T08:28:47.586" v="682"/>
            <ac:spMkLst>
              <pc:docMk/>
              <pc:sldMasterMk cId="2243831206" sldId="2147483767"/>
              <pc:sldLayoutMk cId="3218888475" sldId="2147483778"/>
              <ac:spMk id="3" creationId="{99E6E263-2DEE-04FA-ABA1-91815A0919D0}"/>
            </ac:spMkLst>
          </pc:spChg>
          <pc:spChg chg="add del mod">
            <ac:chgData name="Jonas Bratseth" userId="7880613d-1198-4bca-afa6-2725a9958330" providerId="ADAL" clId="{C5F6A8B2-8015-4AF9-8F9A-EBFE2882138B}" dt="2022-05-09T08:28:47.586" v="682"/>
            <ac:spMkLst>
              <pc:docMk/>
              <pc:sldMasterMk cId="2243831206" sldId="2147483767"/>
              <pc:sldLayoutMk cId="3218888475" sldId="2147483778"/>
              <ac:spMk id="4" creationId="{2DBCE54D-22FE-C294-CA23-FC6C6C1334C2}"/>
            </ac:spMkLst>
          </pc:spChg>
          <pc:spChg chg="add mod">
            <ac:chgData name="Jonas Bratseth" userId="7880613d-1198-4bca-afa6-2725a9958330" providerId="ADAL" clId="{C5F6A8B2-8015-4AF9-8F9A-EBFE2882138B}" dt="2022-05-09T08:28:47.966" v="683"/>
            <ac:spMkLst>
              <pc:docMk/>
              <pc:sldMasterMk cId="2243831206" sldId="2147483767"/>
              <pc:sldLayoutMk cId="3218888475" sldId="2147483778"/>
              <ac:spMk id="5" creationId="{9927C87B-5930-D9C7-21C7-2F59B7E05AE4}"/>
            </ac:spMkLst>
          </pc:spChg>
          <pc:spChg chg="mod">
            <ac:chgData name="Jonas Bratseth" userId="7880613d-1198-4bca-afa6-2725a9958330" providerId="ADAL" clId="{C5F6A8B2-8015-4AF9-8F9A-EBFE2882138B}" dt="2022-05-09T07:51:08.518" v="330" actId="1076"/>
            <ac:spMkLst>
              <pc:docMk/>
              <pc:sldMasterMk cId="2243831206" sldId="2147483767"/>
              <pc:sldLayoutMk cId="3218888475" sldId="2147483778"/>
              <ac:spMk id="6" creationId="{39C633A9-1FFF-4537-8715-2AC956C6BE80}"/>
            </ac:spMkLst>
          </pc:spChg>
          <pc:spChg chg="add mod">
            <ac:chgData name="Jonas Bratseth" userId="7880613d-1198-4bca-afa6-2725a9958330" providerId="ADAL" clId="{C5F6A8B2-8015-4AF9-8F9A-EBFE2882138B}" dt="2022-05-09T08:28:47.966" v="683"/>
            <ac:spMkLst>
              <pc:docMk/>
              <pc:sldMasterMk cId="2243831206" sldId="2147483767"/>
              <pc:sldLayoutMk cId="3218888475" sldId="2147483778"/>
              <ac:spMk id="7" creationId="{9A81DBD8-2D30-328C-7D43-259AE529787C}"/>
            </ac:spMkLst>
          </pc:spChg>
          <pc:spChg chg="add mod">
            <ac:chgData name="Jonas Bratseth" userId="7880613d-1198-4bca-afa6-2725a9958330" providerId="ADAL" clId="{C5F6A8B2-8015-4AF9-8F9A-EBFE2882138B}" dt="2022-05-09T08:28:47.966" v="683"/>
            <ac:spMkLst>
              <pc:docMk/>
              <pc:sldMasterMk cId="2243831206" sldId="2147483767"/>
              <pc:sldLayoutMk cId="3218888475" sldId="2147483778"/>
              <ac:spMk id="8" creationId="{A78DC7CE-05BD-5583-D019-652274D72538}"/>
            </ac:spMkLst>
          </pc:spChg>
          <pc:spChg chg="mod">
            <ac:chgData name="Jonas Bratseth" userId="7880613d-1198-4bca-afa6-2725a9958330" providerId="ADAL" clId="{C5F6A8B2-8015-4AF9-8F9A-EBFE2882138B}" dt="2022-05-09T07:51:08.518" v="330" actId="1076"/>
            <ac:spMkLst>
              <pc:docMk/>
              <pc:sldMasterMk cId="2243831206" sldId="2147483767"/>
              <pc:sldLayoutMk cId="3218888475" sldId="2147483778"/>
              <ac:spMk id="10" creationId="{BB489D15-1D3B-475B-804D-55D1F4B566B7}"/>
            </ac:spMkLst>
          </pc:spChg>
          <pc:spChg chg="mod">
            <ac:chgData name="Jonas Bratseth" userId="7880613d-1198-4bca-afa6-2725a9958330" providerId="ADAL" clId="{C5F6A8B2-8015-4AF9-8F9A-EBFE2882138B}" dt="2022-05-09T07:51:08.518" v="330" actId="1076"/>
            <ac:spMkLst>
              <pc:docMk/>
              <pc:sldMasterMk cId="2243831206" sldId="2147483767"/>
              <pc:sldLayoutMk cId="3218888475" sldId="2147483778"/>
              <ac:spMk id="13" creationId="{7C40E28E-F22B-4290-AC19-015D2EF8E6B5}"/>
            </ac:spMkLst>
          </pc:spChg>
          <pc:spChg chg="mod">
            <ac:chgData name="Jonas Bratseth" userId="7880613d-1198-4bca-afa6-2725a9958330" providerId="ADAL" clId="{C5F6A8B2-8015-4AF9-8F9A-EBFE2882138B}" dt="2022-05-09T07:51:08.518" v="330" actId="1076"/>
            <ac:spMkLst>
              <pc:docMk/>
              <pc:sldMasterMk cId="2243831206" sldId="2147483767"/>
              <pc:sldLayoutMk cId="3218888475" sldId="2147483778"/>
              <ac:spMk id="14" creationId="{07F6985F-0D21-4B64-A375-95792C7EBAE9}"/>
            </ac:spMkLst>
          </pc:spChg>
          <pc:spChg chg="mod">
            <ac:chgData name="Jonas Bratseth" userId="7880613d-1198-4bca-afa6-2725a9958330" providerId="ADAL" clId="{C5F6A8B2-8015-4AF9-8F9A-EBFE2882138B}" dt="2022-05-09T07:51:08.518" v="330" actId="1076"/>
            <ac:spMkLst>
              <pc:docMk/>
              <pc:sldMasterMk cId="2243831206" sldId="2147483767"/>
              <pc:sldLayoutMk cId="3218888475" sldId="2147483778"/>
              <ac:spMk id="16" creationId="{C3EFE82E-AFA9-4392-A98D-D7E91F50D3AD}"/>
            </ac:spMkLst>
          </pc:spChg>
          <pc:spChg chg="mod">
            <ac:chgData name="Jonas Bratseth" userId="7880613d-1198-4bca-afa6-2725a9958330" providerId="ADAL" clId="{C5F6A8B2-8015-4AF9-8F9A-EBFE2882138B}" dt="2022-05-09T07:52:10.468" v="335" actId="2711"/>
            <ac:spMkLst>
              <pc:docMk/>
              <pc:sldMasterMk cId="2243831206" sldId="2147483767"/>
              <pc:sldLayoutMk cId="3218888475" sldId="2147483778"/>
              <ac:spMk id="17" creationId="{81F4C872-ADC6-4CB7-A95B-67721B28B3BA}"/>
            </ac:spMkLst>
          </pc:spChg>
          <pc:spChg chg="mod">
            <ac:chgData name="Jonas Bratseth" userId="7880613d-1198-4bca-afa6-2725a9958330" providerId="ADAL" clId="{C5F6A8B2-8015-4AF9-8F9A-EBFE2882138B}" dt="2022-05-09T07:52:10.468" v="335" actId="2711"/>
            <ac:spMkLst>
              <pc:docMk/>
              <pc:sldMasterMk cId="2243831206" sldId="2147483767"/>
              <pc:sldLayoutMk cId="3218888475" sldId="2147483778"/>
              <ac:spMk id="18" creationId="{6C46C9DB-FDA2-4D7F-AE1E-DCF46A0EC357}"/>
            </ac:spMkLst>
          </pc:spChg>
          <pc:spChg chg="mod">
            <ac:chgData name="Jonas Bratseth" userId="7880613d-1198-4bca-afa6-2725a9958330" providerId="ADAL" clId="{C5F6A8B2-8015-4AF9-8F9A-EBFE2882138B}" dt="2022-05-09T07:52:10.468" v="335" actId="2711"/>
            <ac:spMkLst>
              <pc:docMk/>
              <pc:sldMasterMk cId="2243831206" sldId="2147483767"/>
              <pc:sldLayoutMk cId="3218888475" sldId="2147483778"/>
              <ac:spMk id="19" creationId="{90A9BB8B-DC94-4781-BC39-9CF0E2C0ED17}"/>
            </ac:spMkLst>
          </pc:spChg>
          <pc:spChg chg="mod">
            <ac:chgData name="Jonas Bratseth" userId="7880613d-1198-4bca-afa6-2725a9958330" providerId="ADAL" clId="{C5F6A8B2-8015-4AF9-8F9A-EBFE2882138B}" dt="2022-05-09T07:52:10.468" v="335" actId="2711"/>
            <ac:spMkLst>
              <pc:docMk/>
              <pc:sldMasterMk cId="2243831206" sldId="2147483767"/>
              <pc:sldLayoutMk cId="3218888475" sldId="2147483778"/>
              <ac:spMk id="20" creationId="{89A977F4-3F57-4229-A296-E33CE6E0E74B}"/>
            </ac:spMkLst>
          </pc:spChg>
          <pc:spChg chg="mod">
            <ac:chgData name="Jonas Bratseth" userId="7880613d-1198-4bca-afa6-2725a9958330" providerId="ADAL" clId="{C5F6A8B2-8015-4AF9-8F9A-EBFE2882138B}" dt="2022-05-09T07:52:10.468" v="335" actId="2711"/>
            <ac:spMkLst>
              <pc:docMk/>
              <pc:sldMasterMk cId="2243831206" sldId="2147483767"/>
              <pc:sldLayoutMk cId="3218888475" sldId="2147483778"/>
              <ac:spMk id="21" creationId="{0A1BAC33-EE11-4422-B2BC-1EA0C02293FB}"/>
            </ac:spMkLst>
          </pc:spChg>
          <pc:spChg chg="del">
            <ac:chgData name="Jonas Bratseth" userId="7880613d-1198-4bca-afa6-2725a9958330" providerId="ADAL" clId="{C5F6A8B2-8015-4AF9-8F9A-EBFE2882138B}" dt="2022-05-09T08:28:47.586" v="682"/>
            <ac:spMkLst>
              <pc:docMk/>
              <pc:sldMasterMk cId="2243831206" sldId="2147483767"/>
              <pc:sldLayoutMk cId="3218888475" sldId="2147483778"/>
              <ac:spMk id="22" creationId="{2B10A327-405D-42CA-9F67-2AF8ABA2131E}"/>
            </ac:spMkLst>
          </pc:spChg>
        </pc:sldLayoutChg>
        <pc:sldLayoutChg chg="addSp delSp modSp">
          <pc:chgData name="Jonas Bratseth" userId="7880613d-1198-4bca-afa6-2725a9958330" providerId="ADAL" clId="{C5F6A8B2-8015-4AF9-8F9A-EBFE2882138B}" dt="2022-05-09T08:28:53.736" v="686"/>
          <pc:sldLayoutMkLst>
            <pc:docMk/>
            <pc:sldMasterMk cId="2243831206" sldId="2147483767"/>
            <pc:sldLayoutMk cId="618209023" sldId="2147483779"/>
          </pc:sldLayoutMkLst>
          <pc:spChg chg="add del mod">
            <ac:chgData name="Jonas Bratseth" userId="7880613d-1198-4bca-afa6-2725a9958330" providerId="ADAL" clId="{C5F6A8B2-8015-4AF9-8F9A-EBFE2882138B}" dt="2022-05-09T08:28:53.127" v="685"/>
            <ac:spMkLst>
              <pc:docMk/>
              <pc:sldMasterMk cId="2243831206" sldId="2147483767"/>
              <pc:sldLayoutMk cId="618209023" sldId="2147483779"/>
              <ac:spMk id="3" creationId="{85499A3C-F675-D1F0-4BD2-CF382987FE5E}"/>
            </ac:spMkLst>
          </pc:spChg>
          <pc:spChg chg="add del mod">
            <ac:chgData name="Jonas Bratseth" userId="7880613d-1198-4bca-afa6-2725a9958330" providerId="ADAL" clId="{C5F6A8B2-8015-4AF9-8F9A-EBFE2882138B}" dt="2022-05-09T08:28:53.127" v="685"/>
            <ac:spMkLst>
              <pc:docMk/>
              <pc:sldMasterMk cId="2243831206" sldId="2147483767"/>
              <pc:sldLayoutMk cId="618209023" sldId="2147483779"/>
              <ac:spMk id="4" creationId="{70C6A0E5-3F6B-87EF-EF7A-15C7178DD075}"/>
            </ac:spMkLst>
          </pc:spChg>
          <pc:spChg chg="add mod">
            <ac:chgData name="Jonas Bratseth" userId="7880613d-1198-4bca-afa6-2725a9958330" providerId="ADAL" clId="{C5F6A8B2-8015-4AF9-8F9A-EBFE2882138B}" dt="2022-05-09T08:28:53.736" v="686"/>
            <ac:spMkLst>
              <pc:docMk/>
              <pc:sldMasterMk cId="2243831206" sldId="2147483767"/>
              <pc:sldLayoutMk cId="618209023" sldId="2147483779"/>
              <ac:spMk id="5" creationId="{A8A3A639-6ED5-7B72-66AE-00BF199DFF6E}"/>
            </ac:spMkLst>
          </pc:spChg>
          <pc:spChg chg="add mod">
            <ac:chgData name="Jonas Bratseth" userId="7880613d-1198-4bca-afa6-2725a9958330" providerId="ADAL" clId="{C5F6A8B2-8015-4AF9-8F9A-EBFE2882138B}" dt="2022-05-09T08:28:53.736" v="686"/>
            <ac:spMkLst>
              <pc:docMk/>
              <pc:sldMasterMk cId="2243831206" sldId="2147483767"/>
              <pc:sldLayoutMk cId="618209023" sldId="2147483779"/>
              <ac:spMk id="6" creationId="{E8A22D10-4D31-01D9-103E-2D712C007ED3}"/>
            </ac:spMkLst>
          </pc:spChg>
          <pc:spChg chg="add mod">
            <ac:chgData name="Jonas Bratseth" userId="7880613d-1198-4bca-afa6-2725a9958330" providerId="ADAL" clId="{C5F6A8B2-8015-4AF9-8F9A-EBFE2882138B}" dt="2022-05-09T08:28:53.736" v="686"/>
            <ac:spMkLst>
              <pc:docMk/>
              <pc:sldMasterMk cId="2243831206" sldId="2147483767"/>
              <pc:sldLayoutMk cId="618209023" sldId="2147483779"/>
              <ac:spMk id="7" creationId="{AC64A305-1F05-F5FA-DD2A-6B6B8651E441}"/>
            </ac:spMkLst>
          </pc:spChg>
          <pc:spChg chg="mod">
            <ac:chgData name="Jonas Bratseth" userId="7880613d-1198-4bca-afa6-2725a9958330" providerId="ADAL" clId="{C5F6A8B2-8015-4AF9-8F9A-EBFE2882138B}" dt="2022-05-09T07:52:21.878" v="336" actId="2711"/>
            <ac:spMkLst>
              <pc:docMk/>
              <pc:sldMasterMk cId="2243831206" sldId="2147483767"/>
              <pc:sldLayoutMk cId="618209023" sldId="2147483779"/>
              <ac:spMk id="8" creationId="{F6747267-EFBF-44BB-9183-953BF10B458F}"/>
            </ac:spMkLst>
          </pc:spChg>
          <pc:spChg chg="mod">
            <ac:chgData name="Jonas Bratseth" userId="7880613d-1198-4bca-afa6-2725a9958330" providerId="ADAL" clId="{C5F6A8B2-8015-4AF9-8F9A-EBFE2882138B}" dt="2022-05-09T07:52:21.878" v="336" actId="2711"/>
            <ac:spMkLst>
              <pc:docMk/>
              <pc:sldMasterMk cId="2243831206" sldId="2147483767"/>
              <pc:sldLayoutMk cId="618209023" sldId="2147483779"/>
              <ac:spMk id="10" creationId="{FE31E4EF-E536-4BF9-9022-3B7F2DAC9C06}"/>
            </ac:spMkLst>
          </pc:spChg>
          <pc:spChg chg="mod">
            <ac:chgData name="Jonas Bratseth" userId="7880613d-1198-4bca-afa6-2725a9958330" providerId="ADAL" clId="{C5F6A8B2-8015-4AF9-8F9A-EBFE2882138B}" dt="2022-05-09T07:52:21.878" v="336" actId="2711"/>
            <ac:spMkLst>
              <pc:docMk/>
              <pc:sldMasterMk cId="2243831206" sldId="2147483767"/>
              <pc:sldLayoutMk cId="618209023" sldId="2147483779"/>
              <ac:spMk id="11" creationId="{23BE2648-25FC-495F-B368-4BD2F773FC40}"/>
            </ac:spMkLst>
          </pc:spChg>
          <pc:spChg chg="mod">
            <ac:chgData name="Jonas Bratseth" userId="7880613d-1198-4bca-afa6-2725a9958330" providerId="ADAL" clId="{C5F6A8B2-8015-4AF9-8F9A-EBFE2882138B}" dt="2022-05-09T07:52:21.878" v="336" actId="2711"/>
            <ac:spMkLst>
              <pc:docMk/>
              <pc:sldMasterMk cId="2243831206" sldId="2147483767"/>
              <pc:sldLayoutMk cId="618209023" sldId="2147483779"/>
              <ac:spMk id="12" creationId="{EE9E63F2-0D8E-4E93-9804-11C06A125F46}"/>
            </ac:spMkLst>
          </pc:spChg>
          <pc:spChg chg="del">
            <ac:chgData name="Jonas Bratseth" userId="7880613d-1198-4bca-afa6-2725a9958330" providerId="ADAL" clId="{C5F6A8B2-8015-4AF9-8F9A-EBFE2882138B}" dt="2022-05-09T08:28:53.127" v="685"/>
            <ac:spMkLst>
              <pc:docMk/>
              <pc:sldMasterMk cId="2243831206" sldId="2147483767"/>
              <pc:sldLayoutMk cId="618209023" sldId="2147483779"/>
              <ac:spMk id="14" creationId="{1E09ED89-26A1-4FE1-A40F-EB42F632CDBD}"/>
            </ac:spMkLst>
          </pc:spChg>
        </pc:sldLayoutChg>
        <pc:sldLayoutChg chg="addSp delSp modSp">
          <pc:chgData name="Jonas Bratseth" userId="7880613d-1198-4bca-afa6-2725a9958330" providerId="ADAL" clId="{C5F6A8B2-8015-4AF9-8F9A-EBFE2882138B}" dt="2022-05-09T08:29:03.746" v="689"/>
          <pc:sldLayoutMkLst>
            <pc:docMk/>
            <pc:sldMasterMk cId="2243831206" sldId="2147483767"/>
            <pc:sldLayoutMk cId="16410499" sldId="2147483780"/>
          </pc:sldLayoutMkLst>
          <pc:spChg chg="add del mod">
            <ac:chgData name="Jonas Bratseth" userId="7880613d-1198-4bca-afa6-2725a9958330" providerId="ADAL" clId="{C5F6A8B2-8015-4AF9-8F9A-EBFE2882138B}" dt="2022-05-09T08:29:03.247" v="688"/>
            <ac:spMkLst>
              <pc:docMk/>
              <pc:sldMasterMk cId="2243831206" sldId="2147483767"/>
              <pc:sldLayoutMk cId="16410499" sldId="2147483780"/>
              <ac:spMk id="3" creationId="{BCA4F2F9-1829-36C6-1B1C-92DBEC5F706D}"/>
            </ac:spMkLst>
          </pc:spChg>
          <pc:spChg chg="add del mod">
            <ac:chgData name="Jonas Bratseth" userId="7880613d-1198-4bca-afa6-2725a9958330" providerId="ADAL" clId="{C5F6A8B2-8015-4AF9-8F9A-EBFE2882138B}" dt="2022-05-09T08:29:03.247" v="688"/>
            <ac:spMkLst>
              <pc:docMk/>
              <pc:sldMasterMk cId="2243831206" sldId="2147483767"/>
              <pc:sldLayoutMk cId="16410499" sldId="2147483780"/>
              <ac:spMk id="4" creationId="{7D329C62-91B0-7553-43CF-C66CC53CE7DD}"/>
            </ac:spMkLst>
          </pc:spChg>
          <pc:spChg chg="add mod">
            <ac:chgData name="Jonas Bratseth" userId="7880613d-1198-4bca-afa6-2725a9958330" providerId="ADAL" clId="{C5F6A8B2-8015-4AF9-8F9A-EBFE2882138B}" dt="2022-05-09T08:29:03.746" v="689"/>
            <ac:spMkLst>
              <pc:docMk/>
              <pc:sldMasterMk cId="2243831206" sldId="2147483767"/>
              <pc:sldLayoutMk cId="16410499" sldId="2147483780"/>
              <ac:spMk id="5" creationId="{1FCEFCA9-5C77-6FC7-C1D3-BDFAE7418E23}"/>
            </ac:spMkLst>
          </pc:spChg>
          <pc:spChg chg="add mod">
            <ac:chgData name="Jonas Bratseth" userId="7880613d-1198-4bca-afa6-2725a9958330" providerId="ADAL" clId="{C5F6A8B2-8015-4AF9-8F9A-EBFE2882138B}" dt="2022-05-09T08:29:03.746" v="689"/>
            <ac:spMkLst>
              <pc:docMk/>
              <pc:sldMasterMk cId="2243831206" sldId="2147483767"/>
              <pc:sldLayoutMk cId="16410499" sldId="2147483780"/>
              <ac:spMk id="6" creationId="{A38524EF-0C84-3C0E-79E7-854BF696A26F}"/>
            </ac:spMkLst>
          </pc:spChg>
          <pc:spChg chg="add mod">
            <ac:chgData name="Jonas Bratseth" userId="7880613d-1198-4bca-afa6-2725a9958330" providerId="ADAL" clId="{C5F6A8B2-8015-4AF9-8F9A-EBFE2882138B}" dt="2022-05-09T08:29:03.746" v="689"/>
            <ac:spMkLst>
              <pc:docMk/>
              <pc:sldMasterMk cId="2243831206" sldId="2147483767"/>
              <pc:sldLayoutMk cId="16410499" sldId="2147483780"/>
              <ac:spMk id="7" creationId="{8CFB7A33-319F-AA73-8D22-3EFD3252F619}"/>
            </ac:spMkLst>
          </pc:spChg>
          <pc:spChg chg="del">
            <ac:chgData name="Jonas Bratseth" userId="7880613d-1198-4bca-afa6-2725a9958330" providerId="ADAL" clId="{C5F6A8B2-8015-4AF9-8F9A-EBFE2882138B}" dt="2022-05-09T08:29:03.247" v="688"/>
            <ac:spMkLst>
              <pc:docMk/>
              <pc:sldMasterMk cId="2243831206" sldId="2147483767"/>
              <pc:sldLayoutMk cId="16410499" sldId="2147483780"/>
              <ac:spMk id="22" creationId="{15589A20-B34D-47F9-883F-6C734E90FE4E}"/>
            </ac:spMkLst>
          </pc:spChg>
        </pc:sldLayoutChg>
        <pc:sldLayoutChg chg="addSp delSp modSp">
          <pc:chgData name="Jonas Bratseth" userId="7880613d-1198-4bca-afa6-2725a9958330" providerId="ADAL" clId="{C5F6A8B2-8015-4AF9-8F9A-EBFE2882138B}" dt="2022-05-09T08:29:06.696" v="692"/>
          <pc:sldLayoutMkLst>
            <pc:docMk/>
            <pc:sldMasterMk cId="2243831206" sldId="2147483767"/>
            <pc:sldLayoutMk cId="3329663524" sldId="2147483781"/>
          </pc:sldLayoutMkLst>
          <pc:spChg chg="add del mod">
            <ac:chgData name="Jonas Bratseth" userId="7880613d-1198-4bca-afa6-2725a9958330" providerId="ADAL" clId="{C5F6A8B2-8015-4AF9-8F9A-EBFE2882138B}" dt="2022-05-09T08:29:06.336" v="691"/>
            <ac:spMkLst>
              <pc:docMk/>
              <pc:sldMasterMk cId="2243831206" sldId="2147483767"/>
              <pc:sldLayoutMk cId="3329663524" sldId="2147483781"/>
              <ac:spMk id="3" creationId="{886A21FC-C363-E841-313D-F8A72A6DCC0A}"/>
            </ac:spMkLst>
          </pc:spChg>
          <pc:spChg chg="add del mod">
            <ac:chgData name="Jonas Bratseth" userId="7880613d-1198-4bca-afa6-2725a9958330" providerId="ADAL" clId="{C5F6A8B2-8015-4AF9-8F9A-EBFE2882138B}" dt="2022-05-09T08:29:06.336" v="691"/>
            <ac:spMkLst>
              <pc:docMk/>
              <pc:sldMasterMk cId="2243831206" sldId="2147483767"/>
              <pc:sldLayoutMk cId="3329663524" sldId="2147483781"/>
              <ac:spMk id="4" creationId="{419A4B96-4118-56F7-517B-898799B980C9}"/>
            </ac:spMkLst>
          </pc:spChg>
          <pc:spChg chg="add mod">
            <ac:chgData name="Jonas Bratseth" userId="7880613d-1198-4bca-afa6-2725a9958330" providerId="ADAL" clId="{C5F6A8B2-8015-4AF9-8F9A-EBFE2882138B}" dt="2022-05-09T08:29:06.696" v="692"/>
            <ac:spMkLst>
              <pc:docMk/>
              <pc:sldMasterMk cId="2243831206" sldId="2147483767"/>
              <pc:sldLayoutMk cId="3329663524" sldId="2147483781"/>
              <ac:spMk id="5" creationId="{82F23B37-F05C-9266-FD9E-B10B59EA4B09}"/>
            </ac:spMkLst>
          </pc:spChg>
          <pc:spChg chg="add mod">
            <ac:chgData name="Jonas Bratseth" userId="7880613d-1198-4bca-afa6-2725a9958330" providerId="ADAL" clId="{C5F6A8B2-8015-4AF9-8F9A-EBFE2882138B}" dt="2022-05-09T08:29:06.696" v="692"/>
            <ac:spMkLst>
              <pc:docMk/>
              <pc:sldMasterMk cId="2243831206" sldId="2147483767"/>
              <pc:sldLayoutMk cId="3329663524" sldId="2147483781"/>
              <ac:spMk id="7" creationId="{33128C07-C056-E07A-BE84-746A8766051B}"/>
            </ac:spMkLst>
          </pc:spChg>
          <pc:spChg chg="add mod">
            <ac:chgData name="Jonas Bratseth" userId="7880613d-1198-4bca-afa6-2725a9958330" providerId="ADAL" clId="{C5F6A8B2-8015-4AF9-8F9A-EBFE2882138B}" dt="2022-05-09T08:29:06.696" v="692"/>
            <ac:spMkLst>
              <pc:docMk/>
              <pc:sldMasterMk cId="2243831206" sldId="2147483767"/>
              <pc:sldLayoutMk cId="3329663524" sldId="2147483781"/>
              <ac:spMk id="9" creationId="{71D0DEC5-D1CD-5399-CDFF-E80E2575060F}"/>
            </ac:spMkLst>
          </pc:spChg>
          <pc:spChg chg="mod">
            <ac:chgData name="Jonas Bratseth" userId="7880613d-1198-4bca-afa6-2725a9958330" providerId="ADAL" clId="{C5F6A8B2-8015-4AF9-8F9A-EBFE2882138B}" dt="2022-05-09T07:52:54.440" v="337" actId="2711"/>
            <ac:spMkLst>
              <pc:docMk/>
              <pc:sldMasterMk cId="2243831206" sldId="2147483767"/>
              <pc:sldLayoutMk cId="3329663524" sldId="2147483781"/>
              <ac:spMk id="16" creationId="{C3EFE82E-AFA9-4392-A98D-D7E91F50D3AD}"/>
            </ac:spMkLst>
          </pc:spChg>
          <pc:spChg chg="del">
            <ac:chgData name="Jonas Bratseth" userId="7880613d-1198-4bca-afa6-2725a9958330" providerId="ADAL" clId="{C5F6A8B2-8015-4AF9-8F9A-EBFE2882138B}" dt="2022-05-09T08:29:06.336" v="691"/>
            <ac:spMkLst>
              <pc:docMk/>
              <pc:sldMasterMk cId="2243831206" sldId="2147483767"/>
              <pc:sldLayoutMk cId="3329663524" sldId="2147483781"/>
              <ac:spMk id="19" creationId="{61A31FA8-45E7-4F21-920C-1CD45F20D7EB}"/>
            </ac:spMkLst>
          </pc:spChg>
          <pc:spChg chg="mod">
            <ac:chgData name="Jonas Bratseth" userId="7880613d-1198-4bca-afa6-2725a9958330" providerId="ADAL" clId="{C5F6A8B2-8015-4AF9-8F9A-EBFE2882138B}" dt="2022-05-09T07:52:54.440" v="337" actId="2711"/>
            <ac:spMkLst>
              <pc:docMk/>
              <pc:sldMasterMk cId="2243831206" sldId="2147483767"/>
              <pc:sldLayoutMk cId="3329663524" sldId="2147483781"/>
              <ac:spMk id="35" creationId="{67B5BB42-EBC1-4D9B-957E-57865842A511}"/>
            </ac:spMkLst>
          </pc:spChg>
          <pc:spChg chg="mod">
            <ac:chgData name="Jonas Bratseth" userId="7880613d-1198-4bca-afa6-2725a9958330" providerId="ADAL" clId="{C5F6A8B2-8015-4AF9-8F9A-EBFE2882138B}" dt="2022-05-09T07:52:54.440" v="337" actId="2711"/>
            <ac:spMkLst>
              <pc:docMk/>
              <pc:sldMasterMk cId="2243831206" sldId="2147483767"/>
              <pc:sldLayoutMk cId="3329663524" sldId="2147483781"/>
              <ac:spMk id="47" creationId="{DACA3139-8734-4F03-B7AE-06497028D8C4}"/>
            </ac:spMkLst>
          </pc:spChg>
          <pc:spChg chg="mod">
            <ac:chgData name="Jonas Bratseth" userId="7880613d-1198-4bca-afa6-2725a9958330" providerId="ADAL" clId="{C5F6A8B2-8015-4AF9-8F9A-EBFE2882138B}" dt="2022-05-09T07:52:54.440" v="337" actId="2711"/>
            <ac:spMkLst>
              <pc:docMk/>
              <pc:sldMasterMk cId="2243831206" sldId="2147483767"/>
              <pc:sldLayoutMk cId="3329663524" sldId="2147483781"/>
              <ac:spMk id="51" creationId="{9B87CD94-7A09-4FBF-8581-99B20B7C8576}"/>
            </ac:spMkLst>
          </pc:spChg>
        </pc:sldLayoutChg>
        <pc:sldLayoutChg chg="addSp delSp modSp">
          <pc:chgData name="Jonas Bratseth" userId="7880613d-1198-4bca-afa6-2725a9958330" providerId="ADAL" clId="{C5F6A8B2-8015-4AF9-8F9A-EBFE2882138B}" dt="2022-05-09T08:29:11.276" v="695"/>
          <pc:sldLayoutMkLst>
            <pc:docMk/>
            <pc:sldMasterMk cId="2243831206" sldId="2147483767"/>
            <pc:sldLayoutMk cId="1122571243" sldId="2147483782"/>
          </pc:sldLayoutMkLst>
          <pc:spChg chg="add del mod">
            <ac:chgData name="Jonas Bratseth" userId="7880613d-1198-4bca-afa6-2725a9958330" providerId="ADAL" clId="{C5F6A8B2-8015-4AF9-8F9A-EBFE2882138B}" dt="2022-05-09T08:29:10.926" v="694"/>
            <ac:spMkLst>
              <pc:docMk/>
              <pc:sldMasterMk cId="2243831206" sldId="2147483767"/>
              <pc:sldLayoutMk cId="1122571243" sldId="2147483782"/>
              <ac:spMk id="3" creationId="{D8243C51-B26F-8A2D-4C15-B7D357226F09}"/>
            </ac:spMkLst>
          </pc:spChg>
          <pc:spChg chg="add del mod">
            <ac:chgData name="Jonas Bratseth" userId="7880613d-1198-4bca-afa6-2725a9958330" providerId="ADAL" clId="{C5F6A8B2-8015-4AF9-8F9A-EBFE2882138B}" dt="2022-05-09T08:29:10.926" v="694"/>
            <ac:spMkLst>
              <pc:docMk/>
              <pc:sldMasterMk cId="2243831206" sldId="2147483767"/>
              <pc:sldLayoutMk cId="1122571243" sldId="2147483782"/>
              <ac:spMk id="4" creationId="{49094274-EB8D-B522-17DF-29D75B451AF9}"/>
            </ac:spMkLst>
          </pc:spChg>
          <pc:spChg chg="add mod">
            <ac:chgData name="Jonas Bratseth" userId="7880613d-1198-4bca-afa6-2725a9958330" providerId="ADAL" clId="{C5F6A8B2-8015-4AF9-8F9A-EBFE2882138B}" dt="2022-05-09T08:29:11.276" v="695"/>
            <ac:spMkLst>
              <pc:docMk/>
              <pc:sldMasterMk cId="2243831206" sldId="2147483767"/>
              <pc:sldLayoutMk cId="1122571243" sldId="2147483782"/>
              <ac:spMk id="5" creationId="{A169EA12-CBDD-220C-3C2A-C519FE62790A}"/>
            </ac:spMkLst>
          </pc:spChg>
          <pc:spChg chg="add mod">
            <ac:chgData name="Jonas Bratseth" userId="7880613d-1198-4bca-afa6-2725a9958330" providerId="ADAL" clId="{C5F6A8B2-8015-4AF9-8F9A-EBFE2882138B}" dt="2022-05-09T08:29:11.276" v="695"/>
            <ac:spMkLst>
              <pc:docMk/>
              <pc:sldMasterMk cId="2243831206" sldId="2147483767"/>
              <pc:sldLayoutMk cId="1122571243" sldId="2147483782"/>
              <ac:spMk id="6" creationId="{F8CA962E-ABAE-5929-2A92-D8576AF6DE99}"/>
            </ac:spMkLst>
          </pc:spChg>
          <pc:spChg chg="add mod">
            <ac:chgData name="Jonas Bratseth" userId="7880613d-1198-4bca-afa6-2725a9958330" providerId="ADAL" clId="{C5F6A8B2-8015-4AF9-8F9A-EBFE2882138B}" dt="2022-05-09T08:29:11.276" v="695"/>
            <ac:spMkLst>
              <pc:docMk/>
              <pc:sldMasterMk cId="2243831206" sldId="2147483767"/>
              <pc:sldLayoutMk cId="1122571243" sldId="2147483782"/>
              <ac:spMk id="7" creationId="{C86735A2-746B-BB91-E28B-94EAE44743E6}"/>
            </ac:spMkLst>
          </pc:spChg>
          <pc:spChg chg="mod">
            <ac:chgData name="Jonas Bratseth" userId="7880613d-1198-4bca-afa6-2725a9958330" providerId="ADAL" clId="{C5F6A8B2-8015-4AF9-8F9A-EBFE2882138B}" dt="2022-05-09T07:54:55.128" v="338" actId="2711"/>
            <ac:spMkLst>
              <pc:docMk/>
              <pc:sldMasterMk cId="2243831206" sldId="2147483767"/>
              <pc:sldLayoutMk cId="1122571243" sldId="2147483782"/>
              <ac:spMk id="16" creationId="{C3EFE82E-AFA9-4392-A98D-D7E91F50D3AD}"/>
            </ac:spMkLst>
          </pc:spChg>
          <pc:spChg chg="del">
            <ac:chgData name="Jonas Bratseth" userId="7880613d-1198-4bca-afa6-2725a9958330" providerId="ADAL" clId="{C5F6A8B2-8015-4AF9-8F9A-EBFE2882138B}" dt="2022-05-09T08:29:10.926" v="694"/>
            <ac:spMkLst>
              <pc:docMk/>
              <pc:sldMasterMk cId="2243831206" sldId="2147483767"/>
              <pc:sldLayoutMk cId="1122571243" sldId="2147483782"/>
              <ac:spMk id="19" creationId="{61A31FA8-45E7-4F21-920C-1CD45F20D7EB}"/>
            </ac:spMkLst>
          </pc:spChg>
          <pc:spChg chg="mod">
            <ac:chgData name="Jonas Bratseth" userId="7880613d-1198-4bca-afa6-2725a9958330" providerId="ADAL" clId="{C5F6A8B2-8015-4AF9-8F9A-EBFE2882138B}" dt="2022-05-09T07:54:55.128" v="338" actId="2711"/>
            <ac:spMkLst>
              <pc:docMk/>
              <pc:sldMasterMk cId="2243831206" sldId="2147483767"/>
              <pc:sldLayoutMk cId="1122571243" sldId="2147483782"/>
              <ac:spMk id="35" creationId="{67B5BB42-EBC1-4D9B-957E-57865842A511}"/>
            </ac:spMkLst>
          </pc:spChg>
          <pc:spChg chg="mod">
            <ac:chgData name="Jonas Bratseth" userId="7880613d-1198-4bca-afa6-2725a9958330" providerId="ADAL" clId="{C5F6A8B2-8015-4AF9-8F9A-EBFE2882138B}" dt="2022-05-09T07:54:55.128" v="338" actId="2711"/>
            <ac:spMkLst>
              <pc:docMk/>
              <pc:sldMasterMk cId="2243831206" sldId="2147483767"/>
              <pc:sldLayoutMk cId="1122571243" sldId="2147483782"/>
              <ac:spMk id="47" creationId="{DACA3139-8734-4F03-B7AE-06497028D8C4}"/>
            </ac:spMkLst>
          </pc:spChg>
          <pc:spChg chg="mod">
            <ac:chgData name="Jonas Bratseth" userId="7880613d-1198-4bca-afa6-2725a9958330" providerId="ADAL" clId="{C5F6A8B2-8015-4AF9-8F9A-EBFE2882138B}" dt="2022-05-09T07:54:55.128" v="338" actId="2711"/>
            <ac:spMkLst>
              <pc:docMk/>
              <pc:sldMasterMk cId="2243831206" sldId="2147483767"/>
              <pc:sldLayoutMk cId="1122571243" sldId="2147483782"/>
              <ac:spMk id="51" creationId="{9B87CD94-7A09-4FBF-8581-99B20B7C8576}"/>
            </ac:spMkLst>
          </pc:spChg>
        </pc:sldLayoutChg>
        <pc:sldLayoutChg chg="addSp delSp modSp">
          <pc:chgData name="Jonas Bratseth" userId="7880613d-1198-4bca-afa6-2725a9958330" providerId="ADAL" clId="{C5F6A8B2-8015-4AF9-8F9A-EBFE2882138B}" dt="2022-05-09T08:29:27.277" v="700"/>
          <pc:sldLayoutMkLst>
            <pc:docMk/>
            <pc:sldMasterMk cId="2243831206" sldId="2147483767"/>
            <pc:sldLayoutMk cId="1501640898" sldId="2147483783"/>
          </pc:sldLayoutMkLst>
          <pc:spChg chg="add del mod">
            <ac:chgData name="Jonas Bratseth" userId="7880613d-1198-4bca-afa6-2725a9958330" providerId="ADAL" clId="{C5F6A8B2-8015-4AF9-8F9A-EBFE2882138B}" dt="2022-05-09T08:29:14.476" v="697"/>
            <ac:spMkLst>
              <pc:docMk/>
              <pc:sldMasterMk cId="2243831206" sldId="2147483767"/>
              <pc:sldLayoutMk cId="1501640898" sldId="2147483783"/>
              <ac:spMk id="3" creationId="{DD34D17C-C8E5-7971-FB14-650B6F7CFBAA}"/>
            </ac:spMkLst>
          </pc:spChg>
          <pc:spChg chg="add del mod">
            <ac:chgData name="Jonas Bratseth" userId="7880613d-1198-4bca-afa6-2725a9958330" providerId="ADAL" clId="{C5F6A8B2-8015-4AF9-8F9A-EBFE2882138B}" dt="2022-05-09T08:29:14.476" v="697"/>
            <ac:spMkLst>
              <pc:docMk/>
              <pc:sldMasterMk cId="2243831206" sldId="2147483767"/>
              <pc:sldLayoutMk cId="1501640898" sldId="2147483783"/>
              <ac:spMk id="4" creationId="{43020DA6-D917-2FFE-4478-D8DA41A379BE}"/>
            </ac:spMkLst>
          </pc:spChg>
          <pc:spChg chg="add del mod">
            <ac:chgData name="Jonas Bratseth" userId="7880613d-1198-4bca-afa6-2725a9958330" providerId="ADAL" clId="{C5F6A8B2-8015-4AF9-8F9A-EBFE2882138B}" dt="2022-05-09T08:29:15.896" v="699"/>
            <ac:spMkLst>
              <pc:docMk/>
              <pc:sldMasterMk cId="2243831206" sldId="2147483767"/>
              <pc:sldLayoutMk cId="1501640898" sldId="2147483783"/>
              <ac:spMk id="5" creationId="{A5ED141F-F4C6-F6EC-3EF5-C09E0464B0C0}"/>
            </ac:spMkLst>
          </pc:spChg>
          <pc:spChg chg="del">
            <ac:chgData name="Jonas Bratseth" userId="7880613d-1198-4bca-afa6-2725a9958330" providerId="ADAL" clId="{C5F6A8B2-8015-4AF9-8F9A-EBFE2882138B}" dt="2022-05-09T08:29:14.476" v="697"/>
            <ac:spMkLst>
              <pc:docMk/>
              <pc:sldMasterMk cId="2243831206" sldId="2147483767"/>
              <pc:sldLayoutMk cId="1501640898" sldId="2147483783"/>
              <ac:spMk id="6" creationId="{9819E40C-11F9-4CC9-A0F5-A28346A4DD61}"/>
            </ac:spMkLst>
          </pc:spChg>
          <pc:spChg chg="add del mod">
            <ac:chgData name="Jonas Bratseth" userId="7880613d-1198-4bca-afa6-2725a9958330" providerId="ADAL" clId="{C5F6A8B2-8015-4AF9-8F9A-EBFE2882138B}" dt="2022-05-09T08:29:15.896" v="699"/>
            <ac:spMkLst>
              <pc:docMk/>
              <pc:sldMasterMk cId="2243831206" sldId="2147483767"/>
              <pc:sldLayoutMk cId="1501640898" sldId="2147483783"/>
              <ac:spMk id="7" creationId="{6E9BDED9-EFFB-C098-5D1E-40903EEC7AA7}"/>
            </ac:spMkLst>
          </pc:spChg>
          <pc:spChg chg="add del mod">
            <ac:chgData name="Jonas Bratseth" userId="7880613d-1198-4bca-afa6-2725a9958330" providerId="ADAL" clId="{C5F6A8B2-8015-4AF9-8F9A-EBFE2882138B}" dt="2022-05-09T08:29:15.896" v="699"/>
            <ac:spMkLst>
              <pc:docMk/>
              <pc:sldMasterMk cId="2243831206" sldId="2147483767"/>
              <pc:sldLayoutMk cId="1501640898" sldId="2147483783"/>
              <ac:spMk id="8" creationId="{895A3417-2B1B-6A40-0C6D-ECF09CE3FC85}"/>
            </ac:spMkLst>
          </pc:spChg>
          <pc:spChg chg="add mod">
            <ac:chgData name="Jonas Bratseth" userId="7880613d-1198-4bca-afa6-2725a9958330" providerId="ADAL" clId="{C5F6A8B2-8015-4AF9-8F9A-EBFE2882138B}" dt="2022-05-09T08:29:27.277" v="700"/>
            <ac:spMkLst>
              <pc:docMk/>
              <pc:sldMasterMk cId="2243831206" sldId="2147483767"/>
              <pc:sldLayoutMk cId="1501640898" sldId="2147483783"/>
              <ac:spMk id="9" creationId="{AF82568E-9680-BD27-1A10-0B3E8C200C2F}"/>
            </ac:spMkLst>
          </pc:spChg>
          <pc:spChg chg="add mod">
            <ac:chgData name="Jonas Bratseth" userId="7880613d-1198-4bca-afa6-2725a9958330" providerId="ADAL" clId="{C5F6A8B2-8015-4AF9-8F9A-EBFE2882138B}" dt="2022-05-09T08:29:27.277" v="700"/>
            <ac:spMkLst>
              <pc:docMk/>
              <pc:sldMasterMk cId="2243831206" sldId="2147483767"/>
              <pc:sldLayoutMk cId="1501640898" sldId="2147483783"/>
              <ac:spMk id="10" creationId="{B943E699-9A98-54B8-82E7-94B0589AEB03}"/>
            </ac:spMkLst>
          </pc:spChg>
          <pc:spChg chg="add mod">
            <ac:chgData name="Jonas Bratseth" userId="7880613d-1198-4bca-afa6-2725a9958330" providerId="ADAL" clId="{C5F6A8B2-8015-4AF9-8F9A-EBFE2882138B}" dt="2022-05-09T08:29:27.277" v="700"/>
            <ac:spMkLst>
              <pc:docMk/>
              <pc:sldMasterMk cId="2243831206" sldId="2147483767"/>
              <pc:sldLayoutMk cId="1501640898" sldId="2147483783"/>
              <ac:spMk id="11" creationId="{4C8ADE25-D952-C453-F0A9-C5D4D8C66DD9}"/>
            </ac:spMkLst>
          </pc:spChg>
        </pc:sldLayoutChg>
        <pc:sldLayoutChg chg="modSp mod">
          <pc:chgData name="Jonas Bratseth" userId="7880613d-1198-4bca-afa6-2725a9958330" providerId="ADAL" clId="{C5F6A8B2-8015-4AF9-8F9A-EBFE2882138B}" dt="2022-05-10T06:31:47.507" v="1165"/>
          <pc:sldLayoutMkLst>
            <pc:docMk/>
            <pc:sldMasterMk cId="2243831206" sldId="2147483767"/>
            <pc:sldLayoutMk cId="2796490697" sldId="2147483784"/>
          </pc:sldLayoutMkLst>
          <pc:spChg chg="mod">
            <ac:chgData name="Jonas Bratseth" userId="7880613d-1198-4bca-afa6-2725a9958330" providerId="ADAL" clId="{C5F6A8B2-8015-4AF9-8F9A-EBFE2882138B}" dt="2022-05-10T06:31:47.507" v="1165"/>
            <ac:spMkLst>
              <pc:docMk/>
              <pc:sldMasterMk cId="2243831206" sldId="2147483767"/>
              <pc:sldLayoutMk cId="2796490697" sldId="2147483784"/>
              <ac:spMk id="5" creationId="{04904180-C847-4FC0-9759-1956EECC4080}"/>
            </ac:spMkLst>
          </pc:spChg>
        </pc:sldLayoutChg>
      </pc:sldMasterChg>
    </pc:docChg>
  </pc:docChgLst>
  <pc:docChgLst>
    <pc:chgData name="Gjestebruker" providerId="Windows Live" clId="Web-{FAAEF27D-949D-4C48-9088-71E84D7F483A}"/>
    <pc:docChg chg="delSld modSld">
      <pc:chgData name="Gjestebruker" userId="" providerId="Windows Live" clId="Web-{FAAEF27D-949D-4C48-9088-71E84D7F483A}" dt="2022-07-03T15:58:22.798" v="95"/>
      <pc:docMkLst>
        <pc:docMk/>
      </pc:docMkLst>
      <pc:sldChg chg="modNotes">
        <pc:chgData name="Gjestebruker" userId="" providerId="Windows Live" clId="Web-{FAAEF27D-949D-4C48-9088-71E84D7F483A}" dt="2022-07-03T15:58:22.798" v="95"/>
        <pc:sldMkLst>
          <pc:docMk/>
          <pc:sldMk cId="217129757" sldId="285"/>
        </pc:sldMkLst>
      </pc:sldChg>
      <pc:sldChg chg="addSp delSp modSp">
        <pc:chgData name="Gjestebruker" userId="" providerId="Windows Live" clId="Web-{FAAEF27D-949D-4C48-9088-71E84D7F483A}" dt="2022-07-03T15:56:54.814" v="71" actId="1076"/>
        <pc:sldMkLst>
          <pc:docMk/>
          <pc:sldMk cId="2480284760" sldId="288"/>
        </pc:sldMkLst>
        <pc:spChg chg="mod">
          <ac:chgData name="Gjestebruker" userId="" providerId="Windows Live" clId="Web-{FAAEF27D-949D-4C48-9088-71E84D7F483A}" dt="2022-07-03T15:47:59.629" v="58" actId="14100"/>
          <ac:spMkLst>
            <pc:docMk/>
            <pc:sldMk cId="2480284760" sldId="288"/>
            <ac:spMk id="9" creationId="{24394369-38BC-34A6-7A99-EE441C88BE5B}"/>
          </ac:spMkLst>
        </pc:spChg>
        <pc:spChg chg="mod">
          <ac:chgData name="Gjestebruker" userId="" providerId="Windows Live" clId="Web-{FAAEF27D-949D-4C48-9088-71E84D7F483A}" dt="2022-07-03T15:46:49.942" v="33" actId="20577"/>
          <ac:spMkLst>
            <pc:docMk/>
            <pc:sldMk cId="2480284760" sldId="288"/>
            <ac:spMk id="20" creationId="{276A4F66-D3DA-97BE-A03E-40D8071FF81C}"/>
          </ac:spMkLst>
        </pc:spChg>
        <pc:spChg chg="mod">
          <ac:chgData name="Gjestebruker" userId="" providerId="Windows Live" clId="Web-{FAAEF27D-949D-4C48-9088-71E84D7F483A}" dt="2022-07-03T15:49:31.379" v="64" actId="20577"/>
          <ac:spMkLst>
            <pc:docMk/>
            <pc:sldMk cId="2480284760" sldId="288"/>
            <ac:spMk id="21" creationId="{2129F610-4AD3-FAE3-DBA5-FF93D2105749}"/>
          </ac:spMkLst>
        </pc:spChg>
        <pc:spChg chg="mod">
          <ac:chgData name="Gjestebruker" userId="" providerId="Windows Live" clId="Web-{FAAEF27D-949D-4C48-9088-71E84D7F483A}" dt="2022-07-03T15:48:02.395" v="59" actId="1076"/>
          <ac:spMkLst>
            <pc:docMk/>
            <pc:sldMk cId="2480284760" sldId="288"/>
            <ac:spMk id="25" creationId="{FF9E0F64-C01C-A6A4-64C5-F93C40182AA0}"/>
          </ac:spMkLst>
        </pc:spChg>
        <pc:spChg chg="mod">
          <ac:chgData name="Gjestebruker" userId="" providerId="Windows Live" clId="Web-{FAAEF27D-949D-4C48-9088-71E84D7F483A}" dt="2022-07-03T15:49:53.676" v="66" actId="688"/>
          <ac:spMkLst>
            <pc:docMk/>
            <pc:sldMk cId="2480284760" sldId="288"/>
            <ac:spMk id="26" creationId="{CDB75D98-B0BA-651E-AAF7-C580E91179C4}"/>
          </ac:spMkLst>
        </pc:spChg>
        <pc:picChg chg="add del mod">
          <ac:chgData name="Gjestebruker" userId="" providerId="Windows Live" clId="Web-{FAAEF27D-949D-4C48-9088-71E84D7F483A}" dt="2022-07-03T15:46:25.270" v="23"/>
          <ac:picMkLst>
            <pc:docMk/>
            <pc:sldMk cId="2480284760" sldId="288"/>
            <ac:picMk id="5" creationId="{8CA76014-B5B4-CC44-A34F-ED717CF66B82}"/>
          </ac:picMkLst>
        </pc:picChg>
        <pc:picChg chg="add mod">
          <ac:chgData name="Gjestebruker" userId="" providerId="Windows Live" clId="Web-{FAAEF27D-949D-4C48-9088-71E84D7F483A}" dt="2022-07-03T15:48:35.176" v="60" actId="14100"/>
          <ac:picMkLst>
            <pc:docMk/>
            <pc:sldMk cId="2480284760" sldId="288"/>
            <ac:picMk id="6" creationId="{03B3880C-CC23-15A5-592D-97A617F7BF4F}"/>
          </ac:picMkLst>
        </pc:picChg>
        <pc:picChg chg="add del mod">
          <ac:chgData name="Gjestebruker" userId="" providerId="Windows Live" clId="Web-{FAAEF27D-949D-4C48-9088-71E84D7F483A}" dt="2022-07-03T15:56:45.970" v="68"/>
          <ac:picMkLst>
            <pc:docMk/>
            <pc:sldMk cId="2480284760" sldId="288"/>
            <ac:picMk id="7" creationId="{9A85C912-8D29-C14C-E347-0D2A0C83AB88}"/>
          </ac:picMkLst>
        </pc:picChg>
        <pc:picChg chg="mod">
          <ac:chgData name="Gjestebruker" userId="" providerId="Windows Live" clId="Web-{FAAEF27D-949D-4C48-9088-71E84D7F483A}" dt="2022-07-03T15:47:39.551" v="52" actId="1076"/>
          <ac:picMkLst>
            <pc:docMk/>
            <pc:sldMk cId="2480284760" sldId="288"/>
            <ac:picMk id="8" creationId="{A0A9CD88-5754-8F4D-3F24-2670AF8A8EDB}"/>
          </ac:picMkLst>
        </pc:picChg>
        <pc:picChg chg="add mod">
          <ac:chgData name="Gjestebruker" userId="" providerId="Windows Live" clId="Web-{FAAEF27D-949D-4C48-9088-71E84D7F483A}" dt="2022-07-03T15:47:15.473" v="41" actId="1076"/>
          <ac:picMkLst>
            <pc:docMk/>
            <pc:sldMk cId="2480284760" sldId="288"/>
            <ac:picMk id="10" creationId="{AA24B10D-56A8-4DFA-D325-9E81AFCDB42C}"/>
          </ac:picMkLst>
        </pc:picChg>
        <pc:picChg chg="add mod">
          <ac:chgData name="Gjestebruker" userId="" providerId="Windows Live" clId="Web-{FAAEF27D-949D-4C48-9088-71E84D7F483A}" dt="2022-07-03T15:56:54.814" v="71" actId="1076"/>
          <ac:picMkLst>
            <pc:docMk/>
            <pc:sldMk cId="2480284760" sldId="288"/>
            <ac:picMk id="12" creationId="{C76C39C6-64AE-F932-1965-1F370AF4FD76}"/>
          </ac:picMkLst>
        </pc:picChg>
        <pc:picChg chg="del">
          <ac:chgData name="Gjestebruker" userId="" providerId="Windows Live" clId="Web-{FAAEF27D-949D-4C48-9088-71E84D7F483A}" dt="2022-07-03T15:45:11.521" v="2"/>
          <ac:picMkLst>
            <pc:docMk/>
            <pc:sldMk cId="2480284760" sldId="288"/>
            <ac:picMk id="27" creationId="{F326F007-883B-8EC1-2939-1E007224E442}"/>
          </ac:picMkLst>
        </pc:picChg>
      </pc:sldChg>
      <pc:sldChg chg="del modNotes">
        <pc:chgData name="Gjestebruker" userId="" providerId="Windows Live" clId="Web-{FAAEF27D-949D-4C48-9088-71E84D7F483A}" dt="2022-07-03T15:58:06.548" v="73"/>
        <pc:sldMkLst>
          <pc:docMk/>
          <pc:sldMk cId="4188213318" sldId="290"/>
        </pc:sldMkLst>
      </pc:sldChg>
    </pc:docChg>
  </pc:docChgLst>
  <pc:docChgLst>
    <pc:chgData name="Vetle Nevland" userId="e8351a88428b982e" providerId="Windows Live" clId="Web-{CFF20C1B-5D28-4D14-ACC5-D4DE92370BF6}"/>
    <pc:docChg chg="delSld modSld">
      <pc:chgData name="Vetle Nevland" userId="e8351a88428b982e" providerId="Windows Live" clId="Web-{CFF20C1B-5D28-4D14-ACC5-D4DE92370BF6}" dt="2022-07-03T16:02:32.972" v="1065"/>
      <pc:docMkLst>
        <pc:docMk/>
      </pc:docMkLst>
      <pc:sldChg chg="addSp modSp modNotes">
        <pc:chgData name="Vetle Nevland" userId="e8351a88428b982e" providerId="Windows Live" clId="Web-{CFF20C1B-5D28-4D14-ACC5-D4DE92370BF6}" dt="2022-07-03T13:27:44.566" v="613"/>
        <pc:sldMkLst>
          <pc:docMk/>
          <pc:sldMk cId="3254351504" sldId="273"/>
        </pc:sldMkLst>
        <pc:spChg chg="add mod">
          <ac:chgData name="Vetle Nevland" userId="e8351a88428b982e" providerId="Windows Live" clId="Web-{CFF20C1B-5D28-4D14-ACC5-D4DE92370BF6}" dt="2022-07-03T12:26:56.199" v="21" actId="1076"/>
          <ac:spMkLst>
            <pc:docMk/>
            <pc:sldMk cId="3254351504" sldId="273"/>
            <ac:spMk id="8" creationId="{31655CBB-FE3F-1020-21BC-EEBC08409679}"/>
          </ac:spMkLst>
        </pc:spChg>
        <pc:picChg chg="mod">
          <ac:chgData name="Vetle Nevland" userId="e8351a88428b982e" providerId="Windows Live" clId="Web-{CFF20C1B-5D28-4D14-ACC5-D4DE92370BF6}" dt="2022-07-03T12:24:52.101" v="12" actId="1076"/>
          <ac:picMkLst>
            <pc:docMk/>
            <pc:sldMk cId="3254351504" sldId="273"/>
            <ac:picMk id="2" creationId="{80E17615-2792-5397-66EE-C14BEC4FBCA9}"/>
          </ac:picMkLst>
        </pc:picChg>
        <pc:picChg chg="add mod modCrop">
          <ac:chgData name="Vetle Nevland" userId="e8351a88428b982e" providerId="Windows Live" clId="Web-{CFF20C1B-5D28-4D14-ACC5-D4DE92370BF6}" dt="2022-07-03T12:25:11.570" v="17" actId="1076"/>
          <ac:picMkLst>
            <pc:docMk/>
            <pc:sldMk cId="3254351504" sldId="273"/>
            <ac:picMk id="3" creationId="{E1B4E325-B279-D3E9-8861-572501B0103E}"/>
          </ac:picMkLst>
        </pc:picChg>
        <pc:picChg chg="add mod">
          <ac:chgData name="Vetle Nevland" userId="e8351a88428b982e" providerId="Windows Live" clId="Web-{CFF20C1B-5D28-4D14-ACC5-D4DE92370BF6}" dt="2022-07-03T12:25:07.429" v="16" actId="1076"/>
          <ac:picMkLst>
            <pc:docMk/>
            <pc:sldMk cId="3254351504" sldId="273"/>
            <ac:picMk id="5" creationId="{4691B103-1F45-38AE-FC2D-521AB189EEB8}"/>
          </ac:picMkLst>
        </pc:picChg>
      </pc:sldChg>
      <pc:sldChg chg="modNotes">
        <pc:chgData name="Vetle Nevland" userId="e8351a88428b982e" providerId="Windows Live" clId="Web-{CFF20C1B-5D28-4D14-ACC5-D4DE92370BF6}" dt="2022-07-03T15:20:12.921" v="1004"/>
        <pc:sldMkLst>
          <pc:docMk/>
          <pc:sldMk cId="1350729691" sldId="275"/>
        </pc:sldMkLst>
      </pc:sldChg>
      <pc:sldChg chg="modSp modNotes">
        <pc:chgData name="Vetle Nevland" userId="e8351a88428b982e" providerId="Windows Live" clId="Web-{CFF20C1B-5D28-4D14-ACC5-D4DE92370BF6}" dt="2022-07-03T15:59:18.976" v="1009"/>
        <pc:sldMkLst>
          <pc:docMk/>
          <pc:sldMk cId="1517011920" sldId="276"/>
        </pc:sldMkLst>
        <pc:spChg chg="mod">
          <ac:chgData name="Vetle Nevland" userId="e8351a88428b982e" providerId="Windows Live" clId="Web-{CFF20C1B-5D28-4D14-ACC5-D4DE92370BF6}" dt="2022-07-03T13:25:33.530" v="610" actId="1076"/>
          <ac:spMkLst>
            <pc:docMk/>
            <pc:sldMk cId="1517011920" sldId="276"/>
            <ac:spMk id="14" creationId="{85E7D34A-31BA-4E95-A4AB-F8B906D52F15}"/>
          </ac:spMkLst>
        </pc:spChg>
        <pc:picChg chg="mod">
          <ac:chgData name="Vetle Nevland" userId="e8351a88428b982e" providerId="Windows Live" clId="Web-{CFF20C1B-5D28-4D14-ACC5-D4DE92370BF6}" dt="2022-07-03T13:25:11.405" v="608" actId="1076"/>
          <ac:picMkLst>
            <pc:docMk/>
            <pc:sldMk cId="1517011920" sldId="276"/>
            <ac:picMk id="1030" creationId="{ED721723-24CC-4375-AD2E-B390C90E1E3D}"/>
          </ac:picMkLst>
        </pc:picChg>
      </pc:sldChg>
      <pc:sldChg chg="modNotes">
        <pc:chgData name="Vetle Nevland" userId="e8351a88428b982e" providerId="Windows Live" clId="Web-{CFF20C1B-5D28-4D14-ACC5-D4DE92370BF6}" dt="2022-07-03T16:02:32.972" v="1065"/>
        <pc:sldMkLst>
          <pc:docMk/>
          <pc:sldMk cId="263792605" sldId="277"/>
        </pc:sldMkLst>
      </pc:sldChg>
      <pc:sldChg chg="del modNotes">
        <pc:chgData name="Vetle Nevland" userId="e8351a88428b982e" providerId="Windows Live" clId="Web-{CFF20C1B-5D28-4D14-ACC5-D4DE92370BF6}" dt="2022-07-03T13:38:34.713" v="714"/>
        <pc:sldMkLst>
          <pc:docMk/>
          <pc:sldMk cId="1741139523" sldId="283"/>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7C18A05-DAD5-4538-B720-D731A0265061}"/>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a:extLst>
              <a:ext uri="{FF2B5EF4-FFF2-40B4-BE49-F238E27FC236}">
                <a16:creationId xmlns:a16="http://schemas.microsoft.com/office/drawing/2014/main" id="{93905340-B4C9-4568-B2C0-57AE7B80CE4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750973-A58F-456A-9A45-082FE2F25B8A}" type="datetimeFigureOut">
              <a:rPr lang="nb-NO" smtClean="0"/>
              <a:t>05.07.2022</a:t>
            </a:fld>
            <a:endParaRPr lang="nb-NO"/>
          </a:p>
        </p:txBody>
      </p:sp>
      <p:sp>
        <p:nvSpPr>
          <p:cNvPr id="4" name="Footer Placeholder 3">
            <a:extLst>
              <a:ext uri="{FF2B5EF4-FFF2-40B4-BE49-F238E27FC236}">
                <a16:creationId xmlns:a16="http://schemas.microsoft.com/office/drawing/2014/main" id="{AF5285BB-ED63-4188-AE0D-4C7CEBA895E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5" name="Slide Number Placeholder 4">
            <a:extLst>
              <a:ext uri="{FF2B5EF4-FFF2-40B4-BE49-F238E27FC236}">
                <a16:creationId xmlns:a16="http://schemas.microsoft.com/office/drawing/2014/main" id="{B0E7F61C-6BC5-44E7-B83F-B18B7D4522F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4429AA5-BF97-4703-9733-43ED3B015F53}" type="slidenum">
              <a:rPr lang="nb-NO" smtClean="0"/>
              <a:t>‹#›</a:t>
            </a:fld>
            <a:endParaRPr lang="nb-NO"/>
          </a:p>
        </p:txBody>
      </p:sp>
    </p:spTree>
    <p:extLst>
      <p:ext uri="{BB962C8B-B14F-4D97-AF65-F5344CB8AC3E}">
        <p14:creationId xmlns:p14="http://schemas.microsoft.com/office/powerpoint/2010/main" val="1245618128"/>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2-07-03T10:54:04.926"/>
    </inkml:context>
    <inkml:brush xml:id="br0">
      <inkml:brushProperty name="width" value="0.1" units="cm"/>
      <inkml:brushProperty name="height" value="0.1" units="cm"/>
    </inkml:brush>
  </inkml:definitions>
  <inkml:trace contextRef="#ctx0" brushRef="#br0">23507 6485 16383 0 0,'2'0'0'0'0,"1"2"0"0"0,1 0 0 0 0,3 3 0 0 0,1 1 0 0 0,2 3 0 0 0,1-1 0 0 0,-1 0 0 0 0,-1-1 0 0 0,-1 1 0 0 0,-1-2 0 0 0,1 0 0 0 0,1 0 0 0 0,-1 0 0 0 0,0-1 0 0 0,0 1 0 0 0,2-1 0 0 0,-2 2 0 0 0,0-2 0 0 0,1 1 0 0 0,1-1 0 0 0,-2 2 0 0 0,0-2 0 0 0,1 1 0 0 0,1 2 0 0 0,0-2 0 0 0,1 0 0 0 0,-2-1 0 0 0,0 0 0 0 0,0-1 0 0 0,-1 0 0 0 0,-1 0 0 0 0,2-1 0 0 0,0 1 0 0 0,1 0 0 0 0,1 1 0 0 0,0 0 0 0 0,-2 1 0 0 0,0 0 0 0 0,1-2 0 0 0,-1 1 0 0 0,2-1 0 0 0,-1-1 0 0 0,2 2 0 0 0,-1 1 0 0 0,1 0 0 0 0,-1 0 0 0 0,1 0 0 0 0,0-1 0 0 0,-1 0 0 0 0,1 0 0 0 0,0 0 0 0 0,-1 0 0 0 0,1 1 0 0 0,1-1 0 0 0,0 1 0 0 0,-2-1 0 0 0,2 2 0 0 0,1-2 0 0 0,-1 1 0 0 0,0 0 0 0 0,0 0 0 0 0,-1-1 0 0 0,0 2 0 0 0,0-2 0 0 0,2-1 0 0 0,0 1 0 0 0,0-1 0 0 0,-1 1 0 0 0,0 0 0 0 0,0 1 0 0 0,-1-1 0 0 0,-1 2 0 0 0,1-2 0 0 0,-1 1 0 0 0,3 0 0 0 0,0 0 0 0 0,0-1 0 0 0,-1 2 0 0 0,0-2 0 0 0,0-1 0 0 0,-1 1 0 0 0,0-1 0 0 0,-1 2 0 0 0,1-2 0 0 0,1 0 0 0 0,-1 1 0 0 0,0-1 0 0 0,-1 1 0 0 0,2 0 0 0 0,0-1 0 0 0,1 1 0 0 0,1-1 0 0 0,1 2 0 0 0,-2-2 0 0 0,-1 2 0 0 0,-3 0 0 0 0,0-2 0 0 0,0-1 0 0 0,0 0 0 0 0,1 1 0 0 0,0-1 0 0 0,0 1 0 0 0,1 0 0 0 0,-1 1 0 0 0,1-1 0 0 0,-1 0 0 0 0,1 1 0 0 0,0 0 0 0 0,-1 0 0 0 0,1 0 0 0 0,-1-1 0 0 0,1 1 0 0 0,0-1 0 0 0,-3 1 0 0 0,0 0 0 0 0,0 1 0 0 0,1-1 0 0 0,0-1 0 0 0,3 1 0 0 0,-2 2 0 0 0,1-1 0 0 0,-1 0 0 0 0,0 0 0 0 0,-2 1 0 0 0,0-1 0 0 0,-1-2 0 0 0,2 1 0 0 0,0-1 0 0 0,1 2 0 0 0,0 0 0 0 0,0 1 0 0 0,1 0 0 0 0,-1-1 0 0 0,1 1 0 0 0,0-1 0 0 0,0-2 0 0 0,-3 1 0 0 0,2 1 0 0 0,1 2 0 0 0,0-1 0 0 0,-2 1 0 0 0,0-1 0 0 0,-1-2 0 0 0,1 0 0 0 0,0 2 0 0 0,1-1 0 0 0,-2 0 0 0 0,0 0 0 0 0,-2 1 0 0 0,0-2 0 0 0,1 2 0 0 0,1-2 0 0 0,0 1 0 0 0,2 2 0 0 0,0-2 0 0 0,1 2 0 0 0,-1 0 0 0 0,1 1 0 0 0,0-1 0 0 0,-1 1 0 0 0,1-2 0 0 0,-2 0 0 0 0,-1-2 0 0 0,0 2 0 0 0,1-2 0 0 0,-2 1 0 0 0,0-1 0 0 0,0 0 0 0 0,0-1 0 0 0,-1 0 0 0 0,2 2 0 0 0,0 0 0 0 0,1 1 0 0 0,1 0 0 0 0,0-1 0 0 0,0 1 0 0 0,1 1 0 0 0,0-1 0 0 0,0 0 0 0 0,-1 0 0 0 0,1-1 0 0 0,0 2 0 0 0,-1-1 0 0 0,1 0 0 0 0,-1 1 0 0 0,1 0 0 0 0,0-1 0 0 0,-1 0 0 0 0,-1-1 0 0 0,-1 0 0 0 0,0-2 0 0 0,-2 1 0 0 0,1-1 0 0 0,0-1 0 0 0,1 2 0 0 0,1 0 0 0 0,1 3 0 0 0,0-1 0 0 0,0 1 0 0 0,1-1 0 0 0,0-2 0 0 0,-2 0 0 0 0,-1 0 0 0 0,0-2 0 0 0,1 2 0 0 0,0-1 0 0 0,-1 1 0 0 0,-1-1 0 0 0,1 2 0 0 0,0-1 0 0 0,2 0 0 0 0,-1-1 0 0 0,2 1 0 0 0,-3 0 0 0 0,0 0 0 0 0,0-1 0 0 0,1 1 0 0 0,0-1 0 0 0,1 1 0 0 0,0 0 0 0 0,1 1 0 0 0,-1-1 0 0 0,1 0 0 0 0,0-1 0 0 0,-1 1 0 0 0,1 0 0 0 0,0 0 0 0 0,-1-1 0 0 0,-1 1 0 0 0,-1-1 0 0 0,0-1 0 0 0,0 1 0 0 0,2 0 0 0 0,-1 0 0 0 0,1 0 0 0 0,1 0 0 0 0,-1 1 0 0 0,1 0 0 0 0,0-1 0 0 0,-3 1 0 0 0,0-1 0 0 0,1-1 0 0 0,-3 2 0 0 0,1-1 0 0 0,0-1 0 0 0,1 1 0 0 0,1 0 0 0 0,1-1 0 0 0,-2 2 0 0 0,0-1 0 0 0,0-1 0 0 0,1-1 0 0 0,-2 2 0 0 0,2-1 0 0 0,2 0 0 0 0,-2 1 0 0 0,-1 0 0 0 0,1-1 0 0 0,0 1 0 0 0,1 0 0 0 0,-1 0 0 0 0,2 0 0 0 0,-1 0 0 0 0,1-1 0 0 0,-1 0 0 0 0,1 0 0 0 0,0 0 0 0 0,-1 0 0 0 0,1 1 0 0 0,0 0 0 0 0,-1-1 0 0 0,1 2 0 0 0,-1-1 0 0 0,1-1 0 0 0,-1-1 0 0 0,1 2 0 0 0,0-1 0 0 0,-1 0 0 0 0,1-1 0 0 0,-1-1 0 0 0,1 0 0 0 0,-3 1 0 0 0,0 1 0 0 0,1-1 0 0 0,-1 0 0 0 0,1-1 0 0 0,1 0 0 0 0,0 1 0 0 0,0 1 0 0 0,1 0 0 0 0,0-1 0 0 0,-1-1 0 0 0,1 0 0 0 0,0-1 0 0 0,-3 2 0 0 0,0 1 0 0 0,0-1 0 0 0,1 0 0 0 0,0-1 0 0 0,1 0 0 0 0,0 0 0 0 0,0-1 0 0 0,1 0 0 0 0,-2 2 0 0 0,-1 0 0 0 0,0 1 0 0 0,0-2 0 0 0,2 1 0 0 0,-1-1 0 0 0,2-1 0 0 0,-1 0 0 0 0,1 0 0 0 0,-1 0 0 0 0,1 0 0 0 0,-2 2 0 0 0,-1 1 0 0 0,0-1 0 0 0,0 0 0 0 0,2-1 0 0 0,-1 0 0 0 0,1 0 0 0 0,1-1 0 0 0,-1 0 0 0 0,1 0 0 0 0,0 0 0 0 0,-3 2 0 0 0,0 0 0 0 0,1 1 0 0 0,-1-1 0 0 0,1-1 0 0 0,1 0 0 0 0,0-1 0 0 0,0 0 0 0 0,1 1 0 0 0,0-2 0 0 0,-1 1 0 0 0,1 0 0 0 0,0 0 0 0 0,-1 0 0 0 0,1 0 0 0 0,0 0 0 0 0,-1 0 0 0 0,1 0 0 0 0,-1 0 0 0 0,1 0 0 0 0,-1 0 0 0 0,1 0 0 0 0,0 0 0 0 0,-1 0 0 0 0,1 0 0 0 0,-1 0 0 0 0,1 0 0 0 0,-1 0 0 0 0,1 0 0 0 0,0 0 0 0 0,-1 0 0 0 0,1 0 0 0 0,-1 0 0 0 0,1 0 0 0 0,-1 0 0 0 0,1 0 0 0 0,0 0 0 0 0,-1 0 0 0 0,1 0 0 0 0,-1 0 0 0 0,1 0 0 0 0,0 0 0 0 0,-3-2 0 0 0,0-1 0 0 0,0 1 0 0 0,1 0 0 0 0,0 0 0 0 0,1 1 0 0 0,0 1 0 0 0,0 0 0 0 0,1-2 0 0 0,-1-1 0 0 0,1 1 0 0 0,0-2 0 0 0,-1 0 0 0 0,1 1 0 0 0,-2-2 0 0 0,-1 1 0 0 0,0-2 0 0 0,0 1 0 0 0,-1-1 0 0 0,0 1 0 0 0,1-1 0 0 0,0-2 0 0 0,2 1 0 0 0,-3 0 0 0 0,1 0 0 0 0,-2 0 0 0 0,0 2 0 0 0,-1-2 0 0 0,0 2 0 0 0,-1-2 0 0 0,1 2 0 0 0,0-1 0 0 0,0 0 0 0 0,1 0 0 0 0,2-1 0 0 0,0 0 0 0 0,0 0 0 0 0,0 0 0 0 0,-2 0 0 0 0,0 0 0 0 0,1-2 0 0 0,1-1 0 0 0,1 1 0 0 0,-1 0 0 0 0,-1 0 0 0 0,1-1 0 0 0,-1-1 0 0 0,0 2 0 0 0,-2 1 0 0 0,1 0 0 0 0,-2 1 0 0 0,1 0 0 0 0,0-2 0 0 0,0 1 0 0 0,-1 0 0 0 0,1-1 0 0 0,1-1 0 0 0,0 0 0 0 0,-1-1 0 0 0,-1 2 0 0 0,0 0 0 0 0,-1-1 0 0 0,0 2 0 0 0,0 1 0 0 0,1 0 0 0 0,0 1 0 0 0,1-2 0 0 0,1-1 0 0 0,0-1 0 0 0,0 0 0 0 0,-1-2 0 0 0,1 3 0 0 0,-1-1 0 0 0,0 1 0 0 0,0-1 0 0 0,0 2 0 0 0,-1-1 0 0 0,2 2 0 0 0,-2 1 0 0 0,-1-2 0 0 0,1 1 0 0 0,-1 0 0 0 0,1 1 0 0 0,0-1 0 0 0,-1-1 0 0 0,1 1 0 0 0,-1 0 0 0 0,1 1 0 0 0,0-1 0 0 0,1-1 0 0 0,1-1 0 0 0,0-1 0 0 0,0 1 0 0 0,0 1 0 0 0,-2-2 0 0 0,0 3 0 0 0,-1-1 0 0 0,0-1 0 0 0,0 2 0 0 0,0-1 0 0 0,1 2 0 0 0,0-1 0 0 0,-2 0 0 0 0,2 0 0 0 0,-1-1 0 0 0,2 0 0 0 0,-1-1 0 0 0,1-1 0 0 0,-1-1 0 0 0,1 1 0 0 0,0 1 0 0 0,0 2 0 0 0,-1-1 0 0 0,0 1 0 0 0,-1-2 0 0 0,3 1 0 0 0,-1 0 0 0 0,-2-1 0 0 0,2-1 0 0 0,-2 0 0 0 0,2-1 0 0 0,-1 0 0 0 0,1 1 0 0 0,-1 1 0 0 0,1-1 0 0 0,0 1 0 0 0,0 0 0 0 0,-1 1 0 0 0,0-1 0 0 0,-1 2 0 0 0,1-1 0 0 0,0 0 0 0 0,0-2 0 0 0,1 2 0 0 0,-1 0 0 0 0,1 1 0 0 0,0 0 0 0 0,0-1 0 0 0,-1-1 0 0 0,1 1 0 0 0,0 0 0 0 0,0 1 0 0 0,0 0 0 0 0,0 0 0 0 0,1-2 0 0 0,0-1 0 0 0,0 1 0 0 0,-1 0 0 0 0,1 0 0 0 0,-1-1 0 0 0,0 2 0 0 0,0-1 0 0 0,0 0 0 0 0,1 0 0 0 0,2-3 0 0 0,1-2 0 0 0,0 0 0 0 0,0 0 0 0 0,-1 1 0 0 0,-2 0 0 0 0,0 3 0 0 0,-1 1 0 0 0,0-1 0 0 0,0 1 0 0 0,0-1 0 0 0,1-1 0 0 0,0 0 0 0 0,0 1 0 0 0,-1 1 0 0 0,-1 0 0 0 0,0 1 0 0 0,-1 1 0 0 0,1-2 0 0 0,0 0 0 0 0,1 1 0 0 0,-1 0 0 0 0,-1-1 0 0 0,1 1 0 0 0,0 1 0 0 0,-2-2 0 0 0,1 0 0 0 0,0-1 0 0 0,1-1 0 0 0,0-1 0 0 0,1 1 0 0 0,-1-1 0 0 0,0 0 0 0 0,-1 2 0 0 0,1 1 0 0 0,-2 0 0 0 0,-1-1 0 0 0,2 1 0 0 0,-1 1 0 0 0,0 0 0 0 0,1-2 0 0 0,0 0 0 0 0,-1-1 0 0 0,1 2 0 0 0,0 0 0 0 0,-1-1 0 0 0,0 1 0 0 0,0-2 0 0 0,1 0 0 0 0,-2 0 0 0 0,2 1 0 0 0,0 1 0 0 0,0 0 0 0 0,0 1 0 0 0,0 0 0 0 0,-1 0 0 0 0,2 1 0 0 0,-1-1 0 0 0,-1 0 0 0 0,-1-1 0 0 0,2 1 0 0 0,-1-1 0 0 0,0 1 0 0 0,1-2 0 0 0,0-1 0 0 0,-1 0 0 0 0,1 2 0 0 0,0 0 0 0 0,0 0 0 0 0,-2-1 0 0 0,1 2 0 0 0,1-1 0 0 0,-2 0 0 0 0,2 0 0 0 0,0-1 0 0 0,0-1 0 0 0,-2-1 0 0 0,1 1 0 0 0,1-1 0 0 0,-1 0 0 0 0,1 2 0 0 0,0 1 0 0 0,-1 0 0 0 0,-1-1 0 0 0,1 0 0 0 0,1-1 0 0 0,-1 0 0 0 0,-1-1 0 0 0,1 3 0 0 0,0-1 0 0 0,0 1 0 0 0,1-1 0 0 0,0 0 0 0 0,-1-1 0 0 0,2 0 0 0 0,-1-1 0 0 0,-1 1 0 0 0,-1-1 0 0 0,2 2 0 0 0,-1 1 0 0 0,0 0 0 0 0,1-1 0 0 0,0 0 0 0 0,-1-1 0 0 0,1 2 0 0 0,1 0 0 0 0,-2-1 0 0 0,-1 1 0 0 0,2 0 0 0 0,-1 1 0 0 0,0-1 0 0 0,-1 0 0 0 0,1 0 0 0 0,0 1 0 0 0,0-1 0 0 0,-1 0 0 0 0,2 0 0 0 0,-1 1 0 0 0,0-1 0 0 0,-1 0 0 0 0,1 0 0 0 0,1 1 0 0 0,-2-1 0 0 0,2 0 0 0 0,0-2 0 0 0,0 0 0 0 0,0 2 0 0 0,0 0 0 0 0,-1 0 0 0 0,2-1 0 0 0,-1-1 0 0 0,-1 0 0 0 0,1 2 0 0 0,0 0 0 0 0,0 0 0 0 0,0-1 0 0 0,0 0 0 0 0,-1-1 0 0 0,1 2 0 0 0,0 0 0 0 0,2 1 0 0 0,-1 1 0 0 0,-1 0 0 0 0,0-2 0 0 0,1-1 0 0 0,-2-1 0 0 0,1 0 0 0 0,2-1 0 0 0,0 0 0 0 0,-1 1 0 0 0,0-1 0 0 0,0 0 0 0 0,1 0 0 0 0,-1 0 0 0 0,1 2 0 0 0,-1 1 0 0 0,-1 0 0 0 0,1-1 0 0 0,-1 0 0 0 0,2 1 0 0 0,-1 1 0 0 0,0-1 0 0 0,1-1 0 0 0,0 0 0 0 0,-1-1 0 0 0,1 0 0 0 0,0-1 0 0 0,0 0 0 0 0,0 0 0 0 0,0 1 0 0 0,-1-1 0 0 0,1 0 0 0 0,0 0 0 0 0,0 2 0 0 0,-1 1 0 0 0,0 0 0 0 0,-3 0 0 0 0,2 0 0 0 0,-1 1 0 0 0,0-1 0 0 0,1 2 0 0 0,0-1 0 0 0,1 0 0 0 0,0-1 0 0 0,1-2 0 0 0,-1 1 0 0 0,1-2 0 0 0,0 1 0 0 0,0-1 0 0 0,0 0 0 0 0,0 0 0 0 0,-1 0 0 0 0,0 0 0 0 0,-1 3 0 0 0,1-1 0 0 0,-2 1 0 0 0,1 2 0 0 0,0-1 0 0 0,-1 0 0 0 0,0-2 0 0 0,0 2 0 0 0,0 0 0 0 0,2-1 0 0 0,0 0 0 0 0,-2-1 0 0 0,2 1 0 0 0,-1 0 0 0 0,0 0 0 0 0,-2-1 0 0 0,2 1 0 0 0,-1 1 0 0 0,0-1 0 0 0,-1 0 0 0 0,-1-2 0 0 0,2 3 0 0 0,0-1 0 0 0,-1 0 0 0 0,0-1 0 0 0,1 2 0 0 0,1-1 0 0 0,-2 0 0 0 0,1 0 0 0 0,0 1 0 0 0,0-1 0 0 0,0 0 0 0 0,-1 0 0 0 0,2 0 0 0 0,-1 1 0 0 0,0-1 0 0 0,-1 0 0 0 0,1 0 0 0 0,1 1 0 0 0,-2-1 0 0 0,0 0 0 0 0,2 0 0 0 0,-1 1 0 0 0,0-1 0 0 0,-1-1 0 0 0,1 0 0 0 0,1-1 0 0 0,-1 0 0 0 0,1 1 0 0 0,0 1 0 0 0,-1 0 0 0 0,1 1 0 0 0,0 0 0 0 0,-1 0 0 0 0,0-1 0 0 0,0 0 0 0 0,1 1 0 0 0,-2-1 0 0 0,2 2 0 0 0,0-1 0 0 0,0 0 0 0 0,0-2 0 0 0,0 0 0 0 0,1-1 0 0 0,0 0 0 0 0,-1-1 0 0 0,1 2 0 0 0,-1 1 0 0 0,0 0 0 0 0,0 1 0 0 0,0 0 0 0 0,-1 0 0 0 0,1 1 0 0 0,0-1 0 0 0,0 0 0 0 0,-2-1 0 0 0,1 0 0 0 0,1 3 0 0 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AA55BB8-2B1A-4E8F-8C75-04D8FCB76BDE}" type="datetimeFigureOut">
              <a:rPr lang="nb-NO" smtClean="0"/>
              <a:t>05.07.2022</a:t>
            </a:fld>
            <a:endParaRPr lang="nb-NO"/>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b-NO"/>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11E389-6B1A-4073-A398-96B5797B9778}" type="slidenum">
              <a:rPr lang="nb-NO" smtClean="0"/>
              <a:t>‹#›</a:t>
            </a:fld>
            <a:endParaRPr lang="nb-NO"/>
          </a:p>
        </p:txBody>
      </p:sp>
    </p:spTree>
    <p:extLst>
      <p:ext uri="{BB962C8B-B14F-4D97-AF65-F5344CB8AC3E}">
        <p14:creationId xmlns:p14="http://schemas.microsoft.com/office/powerpoint/2010/main" val="14401466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Group constitute 16 permanent scientists, in addition to postdocs and supervised </a:t>
            </a:r>
            <a:r>
              <a:rPr lang="en-GB" err="1"/>
              <a:t>phds</a:t>
            </a:r>
            <a:r>
              <a:rPr lang="en-GB"/>
              <a:t> and master students.</a:t>
            </a:r>
          </a:p>
          <a:p>
            <a:endParaRPr lang="en-GB"/>
          </a:p>
          <a:p>
            <a:r>
              <a:rPr lang="en-GB"/>
              <a:t>Traditionally, the group has performed generic research on numerical methods and simulation tools. Most of the research is done for geoscientific applications, hence the naming of the group. Still the researchers in the group think of themselves more as applied mathematicians and computer scientists rather than specific application experts. </a:t>
            </a:r>
            <a:endParaRPr lang="en-GB">
              <a:cs typeface="Calibri"/>
            </a:endParaRPr>
          </a:p>
          <a:p>
            <a:endParaRPr lang="en-GB"/>
          </a:p>
          <a:p>
            <a:r>
              <a:rPr lang="en-GB"/>
              <a:t>Much of research is done within subsurface applications, including oil recovery and carbon capture storage. The self-developed software MRST in MATLAB is extensively used. It is a large-spanning library of mathematical methods and numerical solvers, particularly used for solving nonlinear PDEs.</a:t>
            </a:r>
            <a:endParaRPr lang="en-GB">
              <a:cs typeface="Calibri"/>
            </a:endParaRPr>
          </a:p>
          <a:p>
            <a:endParaRPr lang="en-GB"/>
          </a:p>
          <a:p>
            <a:r>
              <a:rPr lang="en-GB"/>
              <a:t>The group is currently also involved in a Gemini </a:t>
            </a:r>
            <a:r>
              <a:rPr lang="en-GB" err="1"/>
              <a:t>center</a:t>
            </a:r>
            <a:r>
              <a:rPr lang="en-GB"/>
              <a:t> on future applications of quantum computing. This is a collaboration between </a:t>
            </a:r>
            <a:r>
              <a:rPr lang="en-GB" err="1"/>
              <a:t>UiO</a:t>
            </a:r>
            <a:r>
              <a:rPr lang="en-GB"/>
              <a:t>, NTNU, Simula and SINTEF, which was founded in 2020. Currently we do not know exactly when quantum computers will be powerful enough to overtake classical computers for certain tasks, but maybe in a timeframe of 5-10 years?.  So the overall goal for this project is to make Norway "quantum ready" in a sense. </a:t>
            </a:r>
            <a:endParaRPr lang="en-GB">
              <a:ea typeface="Calibri"/>
              <a:cs typeface="Calibri"/>
            </a:endParaRPr>
          </a:p>
          <a:p>
            <a:endParaRPr lang="en-GB">
              <a:ea typeface="Calibri"/>
              <a:cs typeface="Calibri"/>
            </a:endParaRPr>
          </a:p>
          <a:p>
            <a:endParaRPr lang="en-GB"/>
          </a:p>
          <a:p>
            <a:endParaRPr lang="en-GB"/>
          </a:p>
          <a:p>
            <a:endParaRPr lang="en-GB">
              <a:ea typeface="Calibri" panose="020F0502020204030204"/>
              <a:cs typeface="Calibri" panose="020F0502020204030204"/>
            </a:endParaRPr>
          </a:p>
        </p:txBody>
      </p:sp>
      <p:sp>
        <p:nvSpPr>
          <p:cNvPr id="4" name="Slide Number Placeholder 3"/>
          <p:cNvSpPr>
            <a:spLocks noGrp="1"/>
          </p:cNvSpPr>
          <p:nvPr>
            <p:ph type="sldNum" sz="quarter" idx="5"/>
          </p:nvPr>
        </p:nvSpPr>
        <p:spPr/>
        <p:txBody>
          <a:bodyPr/>
          <a:lstStyle/>
          <a:p>
            <a:fld id="{6711E389-6B1A-4073-A398-96B5797B9778}" type="slidenum">
              <a:rPr lang="nb-NO" smtClean="0"/>
              <a:t>2</a:t>
            </a:fld>
            <a:endParaRPr lang="nb-NO"/>
          </a:p>
        </p:txBody>
      </p:sp>
    </p:spTree>
    <p:extLst>
      <p:ext uri="{BB962C8B-B14F-4D97-AF65-F5344CB8AC3E}">
        <p14:creationId xmlns:p14="http://schemas.microsoft.com/office/powerpoint/2010/main" val="237599794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a:ea typeface="Calibri"/>
                <a:cs typeface="Calibri"/>
              </a:rPr>
              <a:t>More mathematically we can write the problem by maximizing a cost function. You can see the cost function for the max-cut problem here, where xi, </a:t>
            </a:r>
            <a:r>
              <a:rPr lang="en-US" err="1">
                <a:ea typeface="Calibri"/>
                <a:cs typeface="Calibri"/>
              </a:rPr>
              <a:t>xj</a:t>
            </a:r>
            <a:r>
              <a:rPr lang="en-US">
                <a:ea typeface="Calibri"/>
                <a:cs typeface="Calibri"/>
              </a:rPr>
              <a:t> are binary variables and w is the weight of the edge.</a:t>
            </a:r>
            <a:br>
              <a:rPr lang="en-US">
                <a:ea typeface="Calibri"/>
                <a:cs typeface="+mn-lt"/>
              </a:rPr>
            </a:br>
            <a:br>
              <a:rPr lang="en-US">
                <a:ea typeface="Calibri"/>
                <a:cs typeface="+mn-lt"/>
              </a:rPr>
            </a:br>
            <a:r>
              <a:rPr lang="en-US"/>
              <a:t>To solve this problem with the algorithm we first need to map the cost function to act on qubit states. We do this by rewriting the cost function to an operator which acts on a state of qubits. The maximum cost becomes the maximum eigenvalue, and the solution configuration becomes the eigenvector corresponding to the maximum eigenvalue.</a:t>
            </a:r>
          </a:p>
          <a:p>
            <a:endParaRPr lang="en-US">
              <a:cs typeface="Calibri"/>
            </a:endParaRPr>
          </a:p>
        </p:txBody>
      </p:sp>
      <p:sp>
        <p:nvSpPr>
          <p:cNvPr id="4" name="Plassholder for lysbildenummer 3"/>
          <p:cNvSpPr>
            <a:spLocks noGrp="1"/>
          </p:cNvSpPr>
          <p:nvPr>
            <p:ph type="sldNum" sz="quarter" idx="5"/>
          </p:nvPr>
        </p:nvSpPr>
        <p:spPr/>
        <p:txBody>
          <a:bodyPr/>
          <a:lstStyle/>
          <a:p>
            <a:fld id="{6711E389-6B1A-4073-A398-96B5797B9778}" type="slidenum">
              <a:rPr lang="nb-NO" smtClean="0"/>
              <a:t>11</a:t>
            </a:fld>
            <a:endParaRPr lang="nb-NO"/>
          </a:p>
        </p:txBody>
      </p:sp>
    </p:spTree>
    <p:extLst>
      <p:ext uri="{BB962C8B-B14F-4D97-AF65-F5344CB8AC3E}">
        <p14:creationId xmlns:p14="http://schemas.microsoft.com/office/powerpoint/2010/main" val="363416326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a:ea typeface="Calibri"/>
                <a:cs typeface="Calibri"/>
              </a:rPr>
              <a:t>Without getting too technical the first step of the algorithm is to create a quantum circuit to prepare a state. We start </a:t>
            </a:r>
            <a:r>
              <a:rPr lang="en-US" err="1">
                <a:ea typeface="Calibri"/>
                <a:cs typeface="Calibri"/>
              </a:rPr>
              <a:t>of</a:t>
            </a:r>
            <a:r>
              <a:rPr lang="en-US">
                <a:ea typeface="Calibri"/>
                <a:cs typeface="Calibri"/>
              </a:rPr>
              <a:t> with some qubits in a state psi. Then we apply gates with parameters gamma and beta to the state, such that we end up with a state dependent on gammas and betas. </a:t>
            </a:r>
            <a:endParaRPr lang="en-US">
              <a:ea typeface="Calibri"/>
              <a:cs typeface="+mn-lt"/>
            </a:endParaRPr>
          </a:p>
          <a:p>
            <a:endParaRPr lang="en-US">
              <a:ea typeface="Calibri"/>
              <a:cs typeface="+mn-lt"/>
            </a:endParaRPr>
          </a:p>
          <a:p>
            <a:r>
              <a:rPr lang="en-US">
                <a:ea typeface="Calibri"/>
                <a:cs typeface="+mn-lt"/>
              </a:rPr>
              <a:t>Step 2 consists of measuring the circuit to obtain an expectation value of the cost operator. We then get a possible solution to our problem,  but maybe not the maximum as we want to. Therefore we feed this result in to a classical optimizer, which changes the beta and gamma parameters. We then perform this multiple times until we find the maximum eigenvalue as the expected value of the cost operator, or an approximate maximum eigenvalue, which is the solution to our problem. </a:t>
            </a:r>
            <a:endParaRPr lang="en-US">
              <a:cs typeface="+mn-lt"/>
            </a:endParaRPr>
          </a:p>
          <a:p>
            <a:endParaRPr lang="en-US">
              <a:ea typeface="Calibri"/>
              <a:cs typeface="Calibri"/>
            </a:endParaRPr>
          </a:p>
          <a:p>
            <a:r>
              <a:rPr lang="en-US">
                <a:ea typeface="Calibri"/>
                <a:cs typeface="Calibri"/>
              </a:rPr>
              <a:t>The algorithm performs good even for a low amount of parameters</a:t>
            </a:r>
          </a:p>
          <a:p>
            <a:endParaRPr lang="en-US">
              <a:ea typeface="Calibri"/>
              <a:cs typeface="Calibri"/>
            </a:endParaRPr>
          </a:p>
          <a:p>
            <a:r>
              <a:rPr lang="en-US">
                <a:ea typeface="Calibri"/>
                <a:cs typeface="Calibri"/>
              </a:rPr>
              <a:t>This summer I am looking on how to effectively do step 1. The challenge is how to parametrize the state with using as few qubits and gates as possible. The cost operator is given from the problem formulation, but the mixer operator is the one I experiment with.</a:t>
            </a:r>
          </a:p>
          <a:p>
            <a:r>
              <a:rPr lang="en-US">
                <a:ea typeface="Calibri"/>
                <a:cs typeface="Calibri"/>
              </a:rPr>
              <a:t>I am using quantum computer simulators to run tests and I am also part of developing an open source code to run this algorithm effectively. </a:t>
            </a:r>
            <a:endParaRPr lang="en-US"/>
          </a:p>
          <a:p>
            <a:endParaRPr lang="en-US">
              <a:cs typeface="Calibri"/>
            </a:endParaRPr>
          </a:p>
          <a:p>
            <a:endParaRPr lang="en-US">
              <a:cs typeface="Calibri"/>
            </a:endParaRPr>
          </a:p>
        </p:txBody>
      </p:sp>
      <p:sp>
        <p:nvSpPr>
          <p:cNvPr id="4" name="Plassholder for lysbildenummer 3"/>
          <p:cNvSpPr>
            <a:spLocks noGrp="1"/>
          </p:cNvSpPr>
          <p:nvPr>
            <p:ph type="sldNum" sz="quarter" idx="5"/>
          </p:nvPr>
        </p:nvSpPr>
        <p:spPr/>
        <p:txBody>
          <a:bodyPr/>
          <a:lstStyle/>
          <a:p>
            <a:fld id="{6711E389-6B1A-4073-A398-96B5797B9778}" type="slidenum">
              <a:rPr lang="nb-NO" smtClean="0"/>
              <a:t>12</a:t>
            </a:fld>
            <a:endParaRPr lang="nb-NO"/>
          </a:p>
        </p:txBody>
      </p:sp>
    </p:spTree>
    <p:extLst>
      <p:ext uri="{BB962C8B-B14F-4D97-AF65-F5344CB8AC3E}">
        <p14:creationId xmlns:p14="http://schemas.microsoft.com/office/powerpoint/2010/main" val="336354331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a:cs typeface="Calibri"/>
              </a:rPr>
              <a:t>If you want to read more about this project, or look at the code you can check out these to webpages.</a:t>
            </a:r>
          </a:p>
        </p:txBody>
      </p:sp>
      <p:sp>
        <p:nvSpPr>
          <p:cNvPr id="4" name="Plassholder for lysbildenummer 3"/>
          <p:cNvSpPr>
            <a:spLocks noGrp="1"/>
          </p:cNvSpPr>
          <p:nvPr>
            <p:ph type="sldNum" sz="quarter" idx="5"/>
          </p:nvPr>
        </p:nvSpPr>
        <p:spPr/>
        <p:txBody>
          <a:bodyPr/>
          <a:lstStyle/>
          <a:p>
            <a:fld id="{6711E389-6B1A-4073-A398-96B5797B9778}" type="slidenum">
              <a:rPr lang="nb-NO" smtClean="0"/>
              <a:t>13</a:t>
            </a:fld>
            <a:endParaRPr lang="nb-NO"/>
          </a:p>
        </p:txBody>
      </p:sp>
    </p:spTree>
    <p:extLst>
      <p:ext uri="{BB962C8B-B14F-4D97-AF65-F5344CB8AC3E}">
        <p14:creationId xmlns:p14="http://schemas.microsoft.com/office/powerpoint/2010/main" val="29874546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a:cs typeface="Calibri"/>
              </a:rPr>
              <a:t>Thanks for listening, if you have any questions feel free to ask the now. </a:t>
            </a:r>
          </a:p>
        </p:txBody>
      </p:sp>
      <p:sp>
        <p:nvSpPr>
          <p:cNvPr id="4" name="Plassholder for lysbildenummer 3"/>
          <p:cNvSpPr>
            <a:spLocks noGrp="1"/>
          </p:cNvSpPr>
          <p:nvPr>
            <p:ph type="sldNum" sz="quarter" idx="5"/>
          </p:nvPr>
        </p:nvSpPr>
        <p:spPr/>
        <p:txBody>
          <a:bodyPr/>
          <a:lstStyle/>
          <a:p>
            <a:fld id="{6711E389-6B1A-4073-A398-96B5797B9778}" type="slidenum">
              <a:rPr lang="nb-NO" smtClean="0"/>
              <a:t>14</a:t>
            </a:fld>
            <a:endParaRPr lang="nb-NO"/>
          </a:p>
        </p:txBody>
      </p:sp>
    </p:spTree>
    <p:extLst>
      <p:ext uri="{BB962C8B-B14F-4D97-AF65-F5344CB8AC3E}">
        <p14:creationId xmlns:p14="http://schemas.microsoft.com/office/powerpoint/2010/main" val="219742983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What?</a:t>
            </a:r>
          </a:p>
          <a:p>
            <a:pPr marL="171450" indent="-171450">
              <a:buFontTx/>
              <a:buChar char="-"/>
            </a:pPr>
            <a:r>
              <a:rPr lang="en-GB"/>
              <a:t>My project involves an analysis of how CO2 migrates after injection into a reservoir. Since CO2 is lighter than water, it will principally ascend in vertical direction, but the path is further complicated by the structure of layers in the reservoir, their permeability (the ability of the layer to transmit fluids) and other properties of rock and fluid.</a:t>
            </a:r>
            <a:endParaRPr lang="en-GB">
              <a:cs typeface="Calibri"/>
            </a:endParaRPr>
          </a:p>
          <a:p>
            <a:pPr marL="171450" indent="-171450">
              <a:buFontTx/>
              <a:buChar char="-"/>
            </a:pPr>
            <a:r>
              <a:rPr lang="en-GB"/>
              <a:t>So an essential part of my project is to assess how different structures and properties of reservoir affect flow </a:t>
            </a:r>
            <a:r>
              <a:rPr lang="en-GB" err="1"/>
              <a:t>behavior</a:t>
            </a:r>
            <a:r>
              <a:rPr lang="en-GB"/>
              <a:t> of CO2. This amounts to running stochastic simulations with different settings, and find relations between the parameters and paths taken by CO2.</a:t>
            </a:r>
            <a:endParaRPr lang="en-GB">
              <a:cs typeface="Calibri"/>
            </a:endParaRPr>
          </a:p>
          <a:p>
            <a:pPr marL="171450" indent="-171450">
              <a:buFontTx/>
              <a:buChar char="-"/>
            </a:pPr>
            <a:r>
              <a:rPr lang="en-GB"/>
              <a:t>Most relevant application area: CO2 storage in subsurface --&gt; a growing industry for mitigating the impact of climate change.</a:t>
            </a:r>
            <a:endParaRPr lang="en-GB">
              <a:cs typeface="Calibri"/>
            </a:endParaRPr>
          </a:p>
          <a:p>
            <a:pPr marL="171450" indent="-171450">
              <a:buChar char="-"/>
            </a:pPr>
            <a:endParaRPr lang="en-GB">
              <a:cs typeface="Calibri"/>
            </a:endParaRPr>
          </a:p>
        </p:txBody>
      </p:sp>
      <p:sp>
        <p:nvSpPr>
          <p:cNvPr id="4" name="Slide Number Placeholder 3"/>
          <p:cNvSpPr>
            <a:spLocks noGrp="1"/>
          </p:cNvSpPr>
          <p:nvPr>
            <p:ph type="sldNum" sz="quarter" idx="5"/>
          </p:nvPr>
        </p:nvSpPr>
        <p:spPr/>
        <p:txBody>
          <a:bodyPr/>
          <a:lstStyle/>
          <a:p>
            <a:fld id="{6711E389-6B1A-4073-A398-96B5797B9778}" type="slidenum">
              <a:rPr lang="nb-NO" smtClean="0"/>
              <a:t>3</a:t>
            </a:fld>
            <a:endParaRPr lang="nb-NO"/>
          </a:p>
        </p:txBody>
      </p:sp>
    </p:spTree>
    <p:extLst>
      <p:ext uri="{BB962C8B-B14F-4D97-AF65-F5344CB8AC3E}">
        <p14:creationId xmlns:p14="http://schemas.microsoft.com/office/powerpoint/2010/main" val="36686724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Why is this kind of study important?</a:t>
            </a:r>
            <a:endParaRPr lang="en-GB">
              <a:cs typeface="Calibri"/>
            </a:endParaRPr>
          </a:p>
          <a:p>
            <a:pPr marL="171450" indent="-171450">
              <a:buFontTx/>
              <a:buChar char="-"/>
            </a:pPr>
            <a:r>
              <a:rPr lang="en-GB"/>
              <a:t>Understanding how CO2 flows subject to various reservoir conditions will facilitate more accurate prediction of path taken from injection point to endpoint. Therefore, crucial to acquire data of relations between CO2 migration and reservoir properties in order to find optimal injection site that minimize future leakage, and at same time maximizes capacity of injected CO2.</a:t>
            </a:r>
            <a:endParaRPr lang="en-GB">
              <a:cs typeface="Calibri"/>
            </a:endParaRPr>
          </a:p>
          <a:p>
            <a:pPr marL="171450" indent="-171450">
              <a:buFontTx/>
              <a:buChar char="-"/>
            </a:pPr>
            <a:r>
              <a:rPr lang="en-GB"/>
              <a:t>Drawback of simulating CO2 storage: prominent one -&gt; very large temporal and spatial scales. It becomes challenging to accurately discretize the reservoir at full scale. It is simply not feasible to reproduce every fine detail of the reservoir.</a:t>
            </a:r>
            <a:endParaRPr lang="en-GB">
              <a:cs typeface="Calibri"/>
            </a:endParaRPr>
          </a:p>
          <a:p>
            <a:pPr marL="628650" lvl="1" indent="-171450">
              <a:buFontTx/>
              <a:buChar char="-"/>
            </a:pPr>
            <a:r>
              <a:rPr lang="en-GB"/>
              <a:t>Simplification and coarsening required.</a:t>
            </a:r>
            <a:endParaRPr lang="en-GB">
              <a:cs typeface="Calibri"/>
            </a:endParaRPr>
          </a:p>
          <a:p>
            <a:pPr marL="628650" lvl="1" indent="-171450">
              <a:buFontTx/>
              <a:buChar char="-"/>
            </a:pPr>
            <a:r>
              <a:rPr lang="en-GB"/>
              <a:t>In other words, there WILL be deviations between numerical representation and real data. Therefore, it is important to address how sensitive CO2 migration is to minor changes in reservoir conditions – as this indicates how detailed the numerical representation should be.</a:t>
            </a:r>
            <a:endParaRPr lang="en-GB">
              <a:cs typeface="Calibri"/>
            </a:endParaRPr>
          </a:p>
        </p:txBody>
      </p:sp>
      <p:sp>
        <p:nvSpPr>
          <p:cNvPr id="4" name="Slide Number Placeholder 3"/>
          <p:cNvSpPr>
            <a:spLocks noGrp="1"/>
          </p:cNvSpPr>
          <p:nvPr>
            <p:ph type="sldNum" sz="quarter" idx="5"/>
          </p:nvPr>
        </p:nvSpPr>
        <p:spPr/>
        <p:txBody>
          <a:bodyPr/>
          <a:lstStyle/>
          <a:p>
            <a:fld id="{6711E389-6B1A-4073-A398-96B5797B9778}" type="slidenum">
              <a:rPr lang="nb-NO" smtClean="0"/>
              <a:t>4</a:t>
            </a:fld>
            <a:endParaRPr lang="nb-NO"/>
          </a:p>
        </p:txBody>
      </p:sp>
    </p:spTree>
    <p:extLst>
      <p:ext uri="{BB962C8B-B14F-4D97-AF65-F5344CB8AC3E}">
        <p14:creationId xmlns:p14="http://schemas.microsoft.com/office/powerpoint/2010/main" val="94057061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How do we do this kind of study?</a:t>
            </a:r>
            <a:endParaRPr lang="en-GB">
              <a:cs typeface="Calibri"/>
            </a:endParaRPr>
          </a:p>
          <a:p>
            <a:pPr marL="171450" indent="-171450">
              <a:buFontTx/>
              <a:buChar char="-"/>
            </a:pPr>
            <a:r>
              <a:rPr lang="en-GB"/>
              <a:t>Using MRST library in MATLAB to numerically discretize the grid and solve the system of equations.</a:t>
            </a:r>
            <a:endParaRPr lang="en-GB">
              <a:cs typeface="Calibri"/>
            </a:endParaRPr>
          </a:p>
          <a:p>
            <a:pPr marL="171450" indent="-171450">
              <a:buFontTx/>
              <a:buChar char="-"/>
            </a:pPr>
            <a:r>
              <a:rPr lang="en-GB"/>
              <a:t>With these tools, the migration path of CO2 can be predicted up to a certain accuracy. After sufficient stochastic simulations, one can estimate how much CO2 is trapped under certain conditions, and also how large error the discretization imposes.</a:t>
            </a:r>
            <a:endParaRPr lang="en-GB">
              <a:cs typeface="Calibri"/>
            </a:endParaRPr>
          </a:p>
        </p:txBody>
      </p:sp>
      <p:sp>
        <p:nvSpPr>
          <p:cNvPr id="4" name="Slide Number Placeholder 3"/>
          <p:cNvSpPr>
            <a:spLocks noGrp="1"/>
          </p:cNvSpPr>
          <p:nvPr>
            <p:ph type="sldNum" sz="quarter" idx="5"/>
          </p:nvPr>
        </p:nvSpPr>
        <p:spPr/>
        <p:txBody>
          <a:bodyPr/>
          <a:lstStyle/>
          <a:p>
            <a:fld id="{6711E389-6B1A-4073-A398-96B5797B9778}" type="slidenum">
              <a:rPr lang="nb-NO" smtClean="0"/>
              <a:t>5</a:t>
            </a:fld>
            <a:endParaRPr lang="nb-NO"/>
          </a:p>
        </p:txBody>
      </p:sp>
    </p:spTree>
    <p:extLst>
      <p:ext uri="{BB962C8B-B14F-4D97-AF65-F5344CB8AC3E}">
        <p14:creationId xmlns:p14="http://schemas.microsoft.com/office/powerpoint/2010/main" val="135865001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In general terms, the goal with the project is as follows.</a:t>
            </a:r>
          </a:p>
          <a:p>
            <a:pPr marL="171450" indent="-171450">
              <a:buFontTx/>
              <a:buChar char="-"/>
            </a:pPr>
            <a:r>
              <a:rPr lang="en-GB"/>
              <a:t>Analyse how sensitive migration of CO2 is to variations in reservoir parameters such as number of layers, types of layers, grid resolution.</a:t>
            </a:r>
            <a:endParaRPr lang="en-GB">
              <a:cs typeface="Calibri"/>
            </a:endParaRPr>
          </a:p>
          <a:p>
            <a:pPr marL="628650" lvl="1" indent="-171450">
              <a:buFontTx/>
              <a:buChar char="-"/>
            </a:pPr>
            <a:r>
              <a:rPr lang="en-GB"/>
              <a:t>For example, will a slightly different CONFIGURATION of the layers introduce completely new migration paths (UPPER TWO FIGURES)? If that's the case, it indeed needs to be accounted for when choosing a numerical discretization.</a:t>
            </a:r>
            <a:endParaRPr lang="en-GB">
              <a:cs typeface="Calibri"/>
            </a:endParaRPr>
          </a:p>
          <a:p>
            <a:pPr marL="628650" lvl="1" indent="-171450">
              <a:buFontTx/>
              <a:buChar char="-"/>
            </a:pPr>
            <a:r>
              <a:rPr lang="en-GB"/>
              <a:t>Based on the sensitivity, there will be a certain loss imposed by the numerical discretization. A relevant question to ask is then: how much loss of details is “acceptable”?</a:t>
            </a:r>
            <a:endParaRPr lang="en-GB">
              <a:cs typeface="Calibri"/>
            </a:endParaRPr>
          </a:p>
          <a:p>
            <a:pPr marL="628650" lvl="1" indent="-171450">
              <a:buFontTx/>
              <a:buChar char="-"/>
            </a:pPr>
            <a:endParaRPr lang="en-GB"/>
          </a:p>
          <a:p>
            <a:pPr marL="171450" indent="-171450">
              <a:buFont typeface="Arial"/>
              <a:buChar char="•"/>
            </a:pPr>
            <a:r>
              <a:rPr lang="en-GB"/>
              <a:t>Also addressed: How much of injected CO2 volume will be trapped inside reservoir and how much will leak out?</a:t>
            </a:r>
            <a:endParaRPr lang="en-GB">
              <a:cs typeface="Calibri"/>
            </a:endParaRPr>
          </a:p>
          <a:p>
            <a:pPr marL="1085850" lvl="2" indent="-171450">
              <a:buFontTx/>
              <a:buChar char="-"/>
            </a:pPr>
            <a:r>
              <a:rPr lang="en-GB"/>
              <a:t>Will prioritize two main trapping mechanisms: structural trapping – below impermeable layers, and residual trapping – CO2 immobilized inside pores of rock</a:t>
            </a:r>
            <a:endParaRPr lang="en-GB">
              <a:cs typeface="Calibri"/>
            </a:endParaRPr>
          </a:p>
          <a:p>
            <a:pPr marL="628650" lvl="1" indent="-171450">
              <a:buFontTx/>
              <a:buChar char="-"/>
            </a:pPr>
            <a:r>
              <a:rPr lang="en-GB">
                <a:cs typeface="Calibri"/>
              </a:rPr>
              <a:t>The plan is to implement a script to find the maximum amount of CO2 we can inject before leakage occurs – for different reservoir conditions, [ and also categorize the final volume into main trapping mechanisms. ]</a:t>
            </a:r>
          </a:p>
          <a:p>
            <a:pPr marL="628650" lvl="1" indent="-171450">
              <a:buChar char="-"/>
            </a:pPr>
            <a:endParaRPr lang="en-GB">
              <a:cs typeface="Calibri"/>
            </a:endParaRPr>
          </a:p>
          <a:p>
            <a:pPr marL="171450" indent="-171450">
              <a:buFontTx/>
              <a:buChar char="-"/>
            </a:pPr>
            <a:r>
              <a:rPr lang="en-GB"/>
              <a:t>The test cases are run for synthetic grids. Why? Because – as mentioned – simulating CO2 storage is computational expensive – not feasible to experiment on real data - at least not the full 3D set. Instead, make coarser representations – gradually add more complexity to mimic real reservoirs.</a:t>
            </a:r>
            <a:endParaRPr lang="en-GB">
              <a:cs typeface="Calibri"/>
            </a:endParaRPr>
          </a:p>
          <a:p>
            <a:pPr marL="628650" lvl="1" indent="-171450">
              <a:buFontTx/>
              <a:buChar char="-"/>
            </a:pPr>
            <a:r>
              <a:rPr lang="en-GB">
                <a:cs typeface="Calibri"/>
              </a:rPr>
              <a:t>[ Benefit: Using synthetic grids, we can freely modify the model parameters just as desired – will further facilitate generalization ]</a:t>
            </a:r>
          </a:p>
        </p:txBody>
      </p:sp>
      <p:sp>
        <p:nvSpPr>
          <p:cNvPr id="4" name="Slide Number Placeholder 3"/>
          <p:cNvSpPr>
            <a:spLocks noGrp="1"/>
          </p:cNvSpPr>
          <p:nvPr>
            <p:ph type="sldNum" sz="quarter" idx="5"/>
          </p:nvPr>
        </p:nvSpPr>
        <p:spPr/>
        <p:txBody>
          <a:bodyPr/>
          <a:lstStyle/>
          <a:p>
            <a:fld id="{6711E389-6B1A-4073-A398-96B5797B9778}" type="slidenum">
              <a:rPr lang="nb-NO" smtClean="0"/>
              <a:t>6</a:t>
            </a:fld>
            <a:endParaRPr lang="nb-NO"/>
          </a:p>
        </p:txBody>
      </p:sp>
    </p:spTree>
    <p:extLst>
      <p:ext uri="{BB962C8B-B14F-4D97-AF65-F5344CB8AC3E}">
        <p14:creationId xmlns:p14="http://schemas.microsoft.com/office/powerpoint/2010/main" val="100621957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cs typeface="Calibri"/>
              </a:rPr>
              <a:t>The current plan for the project is subject to changes --&gt; a lot to look into, so need to prioritize most interesting or feasible parts.</a:t>
            </a:r>
          </a:p>
          <a:p>
            <a:endParaRPr lang="en-GB"/>
          </a:p>
          <a:p>
            <a:r>
              <a:rPr lang="en-GB"/>
              <a:t>First step -&gt; Get acquainted with MRST:</a:t>
            </a:r>
            <a:endParaRPr lang="en-GB">
              <a:cs typeface="Calibri"/>
            </a:endParaRPr>
          </a:p>
          <a:p>
            <a:r>
              <a:rPr lang="en-GB">
                <a:cs typeface="Calibri"/>
              </a:rPr>
              <a:t>-    Includes - the procedure from defining domain, setting up fluid/rock properties, define boundary conditions and initial state, and finally to run simulations.</a:t>
            </a:r>
            <a:endParaRPr lang="en-GB"/>
          </a:p>
          <a:p>
            <a:pPr marL="171450" indent="-171450">
              <a:buChar char="-"/>
            </a:pPr>
            <a:endParaRPr lang="en-GB">
              <a:cs typeface="Calibri"/>
            </a:endParaRPr>
          </a:p>
          <a:p>
            <a:r>
              <a:rPr lang="en-GB"/>
              <a:t>Plan is to perform case studies in a progressive fashion</a:t>
            </a:r>
            <a:endParaRPr lang="en-GB">
              <a:cs typeface="Calibri"/>
            </a:endParaRPr>
          </a:p>
          <a:p>
            <a:pPr marL="171450" indent="-171450">
              <a:buFontTx/>
              <a:buChar char="-"/>
            </a:pPr>
            <a:r>
              <a:rPr lang="en-GB"/>
              <a:t>Start off simple – get to know basic </a:t>
            </a:r>
            <a:r>
              <a:rPr lang="en-GB" err="1"/>
              <a:t>behavior</a:t>
            </a:r>
            <a:endParaRPr lang="en-GB" err="1">
              <a:cs typeface="Calibri"/>
            </a:endParaRPr>
          </a:p>
          <a:p>
            <a:pPr marL="171450" indent="-171450">
              <a:buFontTx/>
              <a:buChar char="-"/>
            </a:pPr>
            <a:r>
              <a:rPr lang="en-GB"/>
              <a:t>Progressively add new elements and complexity – closer and closer resemble real injection scenario, including:</a:t>
            </a:r>
            <a:endParaRPr lang="en-GB">
              <a:cs typeface="Calibri"/>
            </a:endParaRPr>
          </a:p>
          <a:p>
            <a:pPr marL="800100" lvl="1" indent="-171450">
              <a:buFontTx/>
              <a:buChar char="-"/>
            </a:pPr>
            <a:r>
              <a:rPr lang="en-GB">
                <a:cs typeface="Calibri"/>
              </a:rPr>
              <a:t>Different number of layers, of different permeability</a:t>
            </a:r>
          </a:p>
          <a:p>
            <a:pPr marL="800100" lvl="1" indent="-171450">
              <a:buChar char="-"/>
            </a:pPr>
            <a:r>
              <a:rPr lang="en-GB">
                <a:cs typeface="Calibri"/>
              </a:rPr>
              <a:t>Capillary forces – pressure induced by presence of different fluids</a:t>
            </a:r>
          </a:p>
          <a:p>
            <a:pPr marL="800100" lvl="1" indent="-171450">
              <a:buChar char="-"/>
            </a:pPr>
            <a:r>
              <a:rPr lang="en-GB">
                <a:cs typeface="Calibri"/>
              </a:rPr>
              <a:t>Effect of hysteresis –&gt; a system where current state depends on the system's history of states, not just previous state.</a:t>
            </a:r>
          </a:p>
          <a:p>
            <a:endParaRPr lang="en-GB"/>
          </a:p>
          <a:p>
            <a:r>
              <a:rPr lang="en-GB"/>
              <a:t>If time permits, results and findings from synthetic data could be used as basis for a simulation of a real dataset -&gt; restrict to 2D - have considered looking into a 2D section of Sleipner field.</a:t>
            </a:r>
            <a:endParaRPr lang="en-GB">
              <a:cs typeface="Calibri"/>
            </a:endParaRPr>
          </a:p>
        </p:txBody>
      </p:sp>
      <p:sp>
        <p:nvSpPr>
          <p:cNvPr id="4" name="Slide Number Placeholder 3"/>
          <p:cNvSpPr>
            <a:spLocks noGrp="1"/>
          </p:cNvSpPr>
          <p:nvPr>
            <p:ph type="sldNum" sz="quarter" idx="5"/>
          </p:nvPr>
        </p:nvSpPr>
        <p:spPr/>
        <p:txBody>
          <a:bodyPr/>
          <a:lstStyle/>
          <a:p>
            <a:fld id="{6711E389-6B1A-4073-A398-96B5797B9778}" type="slidenum">
              <a:rPr lang="nb-NO" smtClean="0"/>
              <a:t>7</a:t>
            </a:fld>
            <a:endParaRPr lang="nb-NO"/>
          </a:p>
        </p:txBody>
      </p:sp>
    </p:spTree>
    <p:extLst>
      <p:ext uri="{BB962C8B-B14F-4D97-AF65-F5344CB8AC3E}">
        <p14:creationId xmlns:p14="http://schemas.microsoft.com/office/powerpoint/2010/main" val="215787434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a:cs typeface="Calibri"/>
              </a:rPr>
              <a:t>I am involved in SINTEFs quantum computing project. The overall goal of this project is to investigate </a:t>
            </a:r>
            <a:r>
              <a:rPr lang="en-US" err="1">
                <a:cs typeface="Calibri"/>
              </a:rPr>
              <a:t>possibilites</a:t>
            </a:r>
            <a:r>
              <a:rPr lang="en-US">
                <a:cs typeface="Calibri"/>
              </a:rPr>
              <a:t> and application areas of quantum computers to solve practically relevant problems. We do not have a quantum computer here at SINTEF, so the research is more about gaining knowledge of quantum algorithms and how they perform.</a:t>
            </a:r>
            <a:endParaRPr lang="nb-NO">
              <a:cs typeface="Calibri"/>
            </a:endParaRPr>
          </a:p>
          <a:p>
            <a:endParaRPr lang="en-US">
              <a:cs typeface="Calibri"/>
            </a:endParaRPr>
          </a:p>
          <a:p>
            <a:r>
              <a:rPr lang="en-US">
                <a:cs typeface="Calibri"/>
              </a:rPr>
              <a:t>I assume that not all of you know what a quantum computer is, so first I am going to give a quick introduction of the topic. For a quantum computer we use quantum bits or so called "qubits". A qubit is a two-state quantum mechanical system. An example of such a system could be the spin of an electron. Like, spin up and spin down.</a:t>
            </a:r>
            <a:endParaRPr lang="nb-NO">
              <a:cs typeface="Calibri"/>
            </a:endParaRPr>
          </a:p>
          <a:p>
            <a:endParaRPr lang="en-US">
              <a:cs typeface="Calibri"/>
            </a:endParaRPr>
          </a:p>
          <a:p>
            <a:r>
              <a:rPr lang="en-US">
                <a:cs typeface="Calibri"/>
              </a:rPr>
              <a:t>So at a specific time instance you know that a classical bit has to be either "1" or "0", but a qubit can be in so called superposition of "1" and "0", or it may actually exist in both states at the same time. However when we measure a qubits state we only get "0" or "1".</a:t>
            </a:r>
            <a:endParaRPr lang="en-US">
              <a:ea typeface="Calibri" panose="020F0502020204030204"/>
              <a:cs typeface="Calibri"/>
            </a:endParaRPr>
          </a:p>
          <a:p>
            <a:endParaRPr lang="en-US">
              <a:cs typeface="Calibri"/>
            </a:endParaRPr>
          </a:p>
          <a:p>
            <a:r>
              <a:rPr lang="en-US">
                <a:cs typeface="Calibri"/>
              </a:rPr>
              <a:t>A quantum circuit can look like this. You read such a circuit from left to right, so in the far left we have three qubits which are prepared in some state. In the middle we see gates or operators. At the end we measure the circuit and for every qubit we get "0" or "1". So if we measure many times, we would get a probability distribution for the states.</a:t>
            </a:r>
          </a:p>
          <a:p>
            <a:endParaRPr lang="en-US">
              <a:cs typeface="Calibri"/>
            </a:endParaRPr>
          </a:p>
          <a:p>
            <a:r>
              <a:rPr lang="en-US">
                <a:cs typeface="Calibri"/>
              </a:rPr>
              <a:t>Currently there are many possible known applications where quantum computers could outperform classical computers. I have listed some here.</a:t>
            </a:r>
          </a:p>
        </p:txBody>
      </p:sp>
      <p:sp>
        <p:nvSpPr>
          <p:cNvPr id="4" name="Plassholder for lysbildenummer 3"/>
          <p:cNvSpPr>
            <a:spLocks noGrp="1"/>
          </p:cNvSpPr>
          <p:nvPr>
            <p:ph type="sldNum" sz="quarter" idx="5"/>
          </p:nvPr>
        </p:nvSpPr>
        <p:spPr/>
        <p:txBody>
          <a:bodyPr/>
          <a:lstStyle/>
          <a:p>
            <a:fld id="{6711E389-6B1A-4073-A398-96B5797B9778}" type="slidenum">
              <a:rPr lang="nb-NO" smtClean="0"/>
              <a:t>8</a:t>
            </a:fld>
            <a:endParaRPr lang="nb-NO"/>
          </a:p>
        </p:txBody>
      </p:sp>
    </p:spTree>
    <p:extLst>
      <p:ext uri="{BB962C8B-B14F-4D97-AF65-F5344CB8AC3E}">
        <p14:creationId xmlns:p14="http://schemas.microsoft.com/office/powerpoint/2010/main" val="3637757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a:ea typeface="Calibri"/>
                <a:cs typeface="Calibri"/>
              </a:rPr>
              <a:t>For this summer I only focus on one algorithm, the so called Quantum Approximate Optimization Algorithm. </a:t>
            </a:r>
          </a:p>
          <a:p>
            <a:endParaRPr lang="en-US">
              <a:ea typeface="Calibri"/>
              <a:cs typeface="Calibri"/>
            </a:endParaRPr>
          </a:p>
          <a:p>
            <a:r>
              <a:rPr lang="en-US">
                <a:ea typeface="Calibri"/>
                <a:cs typeface="Calibri"/>
              </a:rPr>
              <a:t>The algorithm aims to give approximate solutions to combinatorial optimization problems. An example of such a problem is the Max 2 – cut problem. </a:t>
            </a:r>
          </a:p>
          <a:p>
            <a:endParaRPr lang="en-US">
              <a:ea typeface="Calibri"/>
              <a:cs typeface="Calibri"/>
            </a:endParaRPr>
          </a:p>
          <a:p>
            <a:r>
              <a:rPr lang="en-US">
                <a:ea typeface="Calibri"/>
                <a:cs typeface="Calibri"/>
              </a:rPr>
              <a:t>Given a discrete graph, here with 4 nodes and 4 edges, we want to color each node in red or blue, and then count edges going between the red and the blue group. We want the configuration that gives the maximum number of edges between the two groups.</a:t>
            </a:r>
          </a:p>
          <a:p>
            <a:endParaRPr lang="en-US">
              <a:ea typeface="Calibri"/>
              <a:cs typeface="Calibri"/>
            </a:endParaRPr>
          </a:p>
          <a:p>
            <a:r>
              <a:rPr lang="en-US">
                <a:ea typeface="Calibri"/>
                <a:cs typeface="Calibri"/>
              </a:rPr>
              <a:t>For this graph, one possible solution could look like this</a:t>
            </a:r>
          </a:p>
        </p:txBody>
      </p:sp>
      <p:sp>
        <p:nvSpPr>
          <p:cNvPr id="4" name="Plassholder for lysbildenummer 3"/>
          <p:cNvSpPr>
            <a:spLocks noGrp="1"/>
          </p:cNvSpPr>
          <p:nvPr>
            <p:ph type="sldNum" sz="quarter" idx="5"/>
          </p:nvPr>
        </p:nvSpPr>
        <p:spPr/>
        <p:txBody>
          <a:bodyPr/>
          <a:lstStyle/>
          <a:p>
            <a:fld id="{6711E389-6B1A-4073-A398-96B5797B9778}" type="slidenum">
              <a:rPr lang="nb-NO" smtClean="0"/>
              <a:t>9</a:t>
            </a:fld>
            <a:endParaRPr lang="nb-NO"/>
          </a:p>
        </p:txBody>
      </p:sp>
    </p:spTree>
    <p:extLst>
      <p:ext uri="{BB962C8B-B14F-4D97-AF65-F5344CB8AC3E}">
        <p14:creationId xmlns:p14="http://schemas.microsoft.com/office/powerpoint/2010/main" val="186606744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a:ea typeface="Calibri"/>
                <a:cs typeface="Calibri"/>
              </a:rPr>
              <a:t>Here we count one-two-three edges between the red and the blue group.</a:t>
            </a:r>
          </a:p>
          <a:p>
            <a:endParaRPr lang="en-US">
              <a:ea typeface="Calibri"/>
              <a:cs typeface="Calibri"/>
            </a:endParaRPr>
          </a:p>
          <a:p>
            <a:r>
              <a:rPr lang="en-US">
                <a:ea typeface="Calibri"/>
                <a:cs typeface="Calibri"/>
              </a:rPr>
              <a:t>Or you could think about cutting the graph into two separate parts like this. (</a:t>
            </a:r>
            <a:r>
              <a:rPr lang="en-US" err="1">
                <a:ea typeface="Calibri"/>
                <a:cs typeface="Calibri"/>
              </a:rPr>
              <a:t>tegn</a:t>
            </a:r>
            <a:r>
              <a:rPr lang="en-US">
                <a:ea typeface="Calibri"/>
                <a:cs typeface="Calibri"/>
              </a:rPr>
              <a:t>), so we have 3 edges crossing the cut. </a:t>
            </a:r>
            <a:endParaRPr lang="en-US"/>
          </a:p>
        </p:txBody>
      </p:sp>
      <p:sp>
        <p:nvSpPr>
          <p:cNvPr id="4" name="Plassholder for lysbildenummer 3"/>
          <p:cNvSpPr>
            <a:spLocks noGrp="1"/>
          </p:cNvSpPr>
          <p:nvPr>
            <p:ph type="sldNum" sz="quarter" idx="5"/>
          </p:nvPr>
        </p:nvSpPr>
        <p:spPr/>
        <p:txBody>
          <a:bodyPr/>
          <a:lstStyle/>
          <a:p>
            <a:fld id="{6711E389-6B1A-4073-A398-96B5797B9778}" type="slidenum">
              <a:rPr lang="nb-NO" smtClean="0"/>
              <a:t>10</a:t>
            </a:fld>
            <a:endParaRPr lang="nb-NO"/>
          </a:p>
        </p:txBody>
      </p:sp>
    </p:spTree>
    <p:extLst>
      <p:ext uri="{BB962C8B-B14F-4D97-AF65-F5344CB8AC3E}">
        <p14:creationId xmlns:p14="http://schemas.microsoft.com/office/powerpoint/2010/main" val="304099619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9.jpeg"/><Relationship Id="rId1" Type="http://schemas.openxmlformats.org/officeDocument/2006/relationships/slideMaster" Target="../slideMasters/slideMaster2.xml"/><Relationship Id="rId4" Type="http://schemas.openxmlformats.org/officeDocument/2006/relationships/image" Target="../media/image8.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0.jpeg"/><Relationship Id="rId1" Type="http://schemas.openxmlformats.org/officeDocument/2006/relationships/slideMaster" Target="../slideMasters/slideMaster2.xml"/><Relationship Id="rId4" Type="http://schemas.openxmlformats.org/officeDocument/2006/relationships/image" Target="../media/image8.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897296" cy="2074529"/>
          </a:xfrm>
          <a:solidFill>
            <a:schemeClr val="bg1"/>
          </a:solidFill>
        </p:spPr>
        <p:txBody>
          <a:bodyPr/>
          <a:lstStyle>
            <a:lvl1pPr marL="0" indent="0">
              <a:buNone/>
              <a:defRPr/>
            </a:lvl1pPr>
          </a:lstStyle>
          <a:p>
            <a:pPr lvl="0"/>
            <a:r>
              <a:rPr lang="nb-NO"/>
              <a:t> </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a:blipFill>
            <a:blip r:embed="rId2"/>
            <a:stretch>
              <a:fillRect/>
            </a:stretch>
          </a:blipFill>
        </p:spPr>
        <p:txBody>
          <a:bodyPr wrap="square">
            <a:noAutofit/>
          </a:bodyPr>
          <a:lstStyle>
            <a:lvl1pPr>
              <a:buNone/>
              <a:defRPr/>
            </a:lvl1pPr>
          </a:lstStyle>
          <a:p>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0" y="0"/>
            <a:ext cx="1096735" cy="1304666"/>
          </a:xfrm>
          <a:prstGeom prst="rect">
            <a:avLst/>
          </a:prstGeom>
        </p:spPr>
      </p:pic>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Short </a:t>
            </a:r>
            <a:r>
              <a:rPr lang="nb-NO" err="1"/>
              <a:t>title</a:t>
            </a:r>
            <a:endParaRPr lang="nb-NO"/>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hasCustomPrompt="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err="1"/>
              <a:t>Click</a:t>
            </a:r>
            <a:r>
              <a:rPr lang="nb-NO"/>
              <a:t> to </a:t>
            </a:r>
            <a:r>
              <a:rPr lang="nb-NO" err="1"/>
              <a:t>add</a:t>
            </a:r>
            <a:r>
              <a:rPr lang="nb-NO"/>
              <a:t> </a:t>
            </a:r>
            <a:r>
              <a:rPr lang="nb-NO" err="1"/>
              <a:t>subtitle</a:t>
            </a:r>
            <a:endParaRPr lang="nb-NO"/>
          </a:p>
        </p:txBody>
      </p:sp>
      <p:sp>
        <p:nvSpPr>
          <p:cNvPr id="8" name="Footer Placeholder 7">
            <a:extLst>
              <a:ext uri="{FF2B5EF4-FFF2-40B4-BE49-F238E27FC236}">
                <a16:creationId xmlns:a16="http://schemas.microsoft.com/office/drawing/2014/main" id="{BE2B6EFE-9CAD-633A-F77C-EF13F0D5E227}"/>
              </a:ext>
            </a:extLst>
          </p:cNvPr>
          <p:cNvSpPr>
            <a:spLocks noGrp="1"/>
          </p:cNvSpPr>
          <p:nvPr>
            <p:ph type="ftr" sz="quarter" idx="22"/>
          </p:nvPr>
        </p:nvSpPr>
        <p:spPr/>
        <p:txBody>
          <a:bodyPr/>
          <a:lstStyle/>
          <a:p>
            <a:r>
              <a:rPr lang="en-US"/>
              <a:t>Technology for a better society</a:t>
            </a:r>
            <a:endParaRPr lang="nb-NO"/>
          </a:p>
        </p:txBody>
      </p:sp>
      <p:sp>
        <p:nvSpPr>
          <p:cNvPr id="9" name="Slide Number Placeholder 8">
            <a:extLst>
              <a:ext uri="{FF2B5EF4-FFF2-40B4-BE49-F238E27FC236}">
                <a16:creationId xmlns:a16="http://schemas.microsoft.com/office/drawing/2014/main" id="{EC3F93DF-77C2-8B2B-7AD7-C78ABD1C9D8E}"/>
              </a:ext>
            </a:extLst>
          </p:cNvPr>
          <p:cNvSpPr>
            <a:spLocks noGrp="1"/>
          </p:cNvSpPr>
          <p:nvPr>
            <p:ph type="sldNum" sz="quarter" idx="23"/>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137623908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2231753" cy="463550"/>
          </a:xfrm>
        </p:spPr>
        <p:txBody>
          <a:bodyPr anchor="ctr">
            <a:normAutofit/>
          </a:bodyPr>
          <a:lstStyle>
            <a:lvl1pPr marL="0" indent="0">
              <a:buNone/>
              <a:defRPr sz="2400" b="1">
                <a:solidFill>
                  <a:schemeClr val="tx2"/>
                </a:solidFill>
                <a:latin typeface="+mj-lt"/>
              </a:defRPr>
            </a:lvl1pPr>
          </a:lstStyle>
          <a:p>
            <a:pPr lvl="0"/>
            <a:r>
              <a:rPr lang="en-US"/>
              <a:t>Click to add 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3594819" y="1915200"/>
            <a:ext cx="2231753" cy="463550"/>
          </a:xfrm>
        </p:spPr>
        <p:txBody>
          <a:bodyPr anchor="ctr">
            <a:normAutofit/>
          </a:bodyPr>
          <a:lstStyle>
            <a:lvl1pPr marL="0" indent="0">
              <a:buNone/>
              <a:defRPr sz="2400" b="1">
                <a:solidFill>
                  <a:schemeClr val="tx2"/>
                </a:solidFill>
                <a:latin typeface="+mj-lt"/>
              </a:defRPr>
            </a:lvl1pPr>
          </a:lstStyle>
          <a:p>
            <a:pPr lvl="0"/>
            <a:r>
              <a:rPr lang="en-US"/>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6431448" y="1915200"/>
            <a:ext cx="2231753" cy="463550"/>
          </a:xfrm>
        </p:spPr>
        <p:txBody>
          <a:bodyPr anchor="ctr">
            <a:normAutofit/>
          </a:bodyPr>
          <a:lstStyle>
            <a:lvl1pPr marL="0" indent="0">
              <a:buNone/>
              <a:defRPr sz="2400" b="1">
                <a:solidFill>
                  <a:schemeClr val="tx2"/>
                </a:solidFill>
                <a:latin typeface="+mj-lt"/>
              </a:defRPr>
            </a:lvl1pPr>
          </a:lstStyle>
          <a:p>
            <a:pPr lvl="0"/>
            <a:r>
              <a:rPr lang="en-US"/>
              <a:t>Click to add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278257" y="1915200"/>
            <a:ext cx="2231753" cy="463550"/>
          </a:xfrm>
        </p:spPr>
        <p:txBody>
          <a:bodyPr anchor="ctr">
            <a:normAutofit/>
          </a:bodyPr>
          <a:lstStyle>
            <a:lvl1pPr marL="0" indent="0">
              <a:buNone/>
              <a:defRPr sz="2400" b="1">
                <a:solidFill>
                  <a:schemeClr val="tx2"/>
                </a:solidFill>
                <a:latin typeface="+mj-lt"/>
              </a:defRPr>
            </a:lvl1pPr>
          </a:lstStyle>
          <a:p>
            <a:pPr lvl="0"/>
            <a:r>
              <a:rPr lang="en-US"/>
              <a:t>Click to add text</a:t>
            </a:r>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hasCustomPrompt="1"/>
          </p:nvPr>
        </p:nvSpPr>
        <p:spPr>
          <a:xfrm>
            <a:off x="3594819"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hasCustomPrompt="1"/>
          </p:nvPr>
        </p:nvSpPr>
        <p:spPr>
          <a:xfrm>
            <a:off x="6431448"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hasCustomPrompt="1"/>
          </p:nvPr>
        </p:nvSpPr>
        <p:spPr>
          <a:xfrm>
            <a:off x="9278257"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7" name="Date Placeholder 6">
            <a:extLst>
              <a:ext uri="{FF2B5EF4-FFF2-40B4-BE49-F238E27FC236}">
                <a16:creationId xmlns:a16="http://schemas.microsoft.com/office/drawing/2014/main" id="{F8317AFB-528B-2CD7-8E6E-72ECD993550E}"/>
              </a:ext>
            </a:extLst>
          </p:cNvPr>
          <p:cNvSpPr>
            <a:spLocks noGrp="1"/>
          </p:cNvSpPr>
          <p:nvPr>
            <p:ph type="dt" sz="half" idx="24"/>
          </p:nvPr>
        </p:nvSpPr>
        <p:spPr>
          <a:xfrm>
            <a:off x="4711700" y="6354535"/>
            <a:ext cx="2743200" cy="215444"/>
          </a:xfrm>
          <a:prstGeom prst="rect">
            <a:avLst/>
          </a:prstGeom>
        </p:spPr>
        <p:txBody>
          <a:bodyPr/>
          <a:lstStyle/>
          <a:p>
            <a:endParaRPr lang="en-GB"/>
          </a:p>
        </p:txBody>
      </p:sp>
      <p:sp>
        <p:nvSpPr>
          <p:cNvPr id="8" name="Footer Placeholder 7">
            <a:extLst>
              <a:ext uri="{FF2B5EF4-FFF2-40B4-BE49-F238E27FC236}">
                <a16:creationId xmlns:a16="http://schemas.microsoft.com/office/drawing/2014/main" id="{2AA01896-05FF-374D-610F-101C877B6E9B}"/>
              </a:ext>
            </a:extLst>
          </p:cNvPr>
          <p:cNvSpPr>
            <a:spLocks noGrp="1"/>
          </p:cNvSpPr>
          <p:nvPr>
            <p:ph type="ftr" sz="quarter" idx="25"/>
          </p:nvPr>
        </p:nvSpPr>
        <p:spPr/>
        <p:txBody>
          <a:bodyPr/>
          <a:lstStyle/>
          <a:p>
            <a:r>
              <a:rPr lang="en-US"/>
              <a:t>Technology for a better society</a:t>
            </a:r>
            <a:endParaRPr lang="nb-NO"/>
          </a:p>
        </p:txBody>
      </p:sp>
      <p:sp>
        <p:nvSpPr>
          <p:cNvPr id="11" name="Slide Number Placeholder 10">
            <a:extLst>
              <a:ext uri="{FF2B5EF4-FFF2-40B4-BE49-F238E27FC236}">
                <a16:creationId xmlns:a16="http://schemas.microsoft.com/office/drawing/2014/main" id="{00F2EC0D-E6E1-D8C6-1E76-12C716917217}"/>
              </a:ext>
            </a:extLst>
          </p:cNvPr>
          <p:cNvSpPr>
            <a:spLocks noGrp="1"/>
          </p:cNvSpPr>
          <p:nvPr>
            <p:ph type="sldNum" sz="quarter" idx="26"/>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33142868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hasCustomPrompt="1"/>
          </p:nvPr>
        </p:nvSpPr>
        <p:spPr>
          <a:xfrm>
            <a:off x="758191"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hasCustomPrompt="1"/>
          </p:nvPr>
        </p:nvSpPr>
        <p:spPr>
          <a:xfrm>
            <a:off x="2981389"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hasCustomPrompt="1"/>
          </p:nvPr>
        </p:nvSpPr>
        <p:spPr>
          <a:xfrm>
            <a:off x="5204587"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hasCustomPrompt="1"/>
          </p:nvPr>
        </p:nvSpPr>
        <p:spPr>
          <a:xfrm>
            <a:off x="7427785"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hasCustomPrompt="1"/>
          </p:nvPr>
        </p:nvSpPr>
        <p:spPr>
          <a:xfrm>
            <a:off x="9650983"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5" name="Date Placeholder 4">
            <a:extLst>
              <a:ext uri="{FF2B5EF4-FFF2-40B4-BE49-F238E27FC236}">
                <a16:creationId xmlns:a16="http://schemas.microsoft.com/office/drawing/2014/main" id="{8A6A8B95-4578-BD68-AB8F-98DB49CFD74D}"/>
              </a:ext>
            </a:extLst>
          </p:cNvPr>
          <p:cNvSpPr>
            <a:spLocks noGrp="1"/>
          </p:cNvSpPr>
          <p:nvPr>
            <p:ph type="dt" sz="half" idx="27"/>
          </p:nvPr>
        </p:nvSpPr>
        <p:spPr>
          <a:xfrm>
            <a:off x="4711700" y="6354535"/>
            <a:ext cx="2743200" cy="215444"/>
          </a:xfrm>
          <a:prstGeom prst="rect">
            <a:avLst/>
          </a:prstGeom>
        </p:spPr>
        <p:txBody>
          <a:bodyPr/>
          <a:lstStyle/>
          <a:p>
            <a:endParaRPr lang="en-GB"/>
          </a:p>
        </p:txBody>
      </p:sp>
      <p:sp>
        <p:nvSpPr>
          <p:cNvPr id="7" name="Footer Placeholder 6">
            <a:extLst>
              <a:ext uri="{FF2B5EF4-FFF2-40B4-BE49-F238E27FC236}">
                <a16:creationId xmlns:a16="http://schemas.microsoft.com/office/drawing/2014/main" id="{BA250F37-0F6D-5D09-09AA-307FD40B12A3}"/>
              </a:ext>
            </a:extLst>
          </p:cNvPr>
          <p:cNvSpPr>
            <a:spLocks noGrp="1"/>
          </p:cNvSpPr>
          <p:nvPr>
            <p:ph type="ftr" sz="quarter" idx="28"/>
          </p:nvPr>
        </p:nvSpPr>
        <p:spPr/>
        <p:txBody>
          <a:bodyPr/>
          <a:lstStyle/>
          <a:p>
            <a:r>
              <a:rPr lang="en-US"/>
              <a:t>Technology for a better society</a:t>
            </a:r>
            <a:endParaRPr lang="nb-NO"/>
          </a:p>
        </p:txBody>
      </p:sp>
      <p:sp>
        <p:nvSpPr>
          <p:cNvPr id="8" name="Slide Number Placeholder 7">
            <a:extLst>
              <a:ext uri="{FF2B5EF4-FFF2-40B4-BE49-F238E27FC236}">
                <a16:creationId xmlns:a16="http://schemas.microsoft.com/office/drawing/2014/main" id="{E51CA9CF-018B-A7F6-7331-0403F1521549}"/>
              </a:ext>
            </a:extLst>
          </p:cNvPr>
          <p:cNvSpPr>
            <a:spLocks noGrp="1"/>
          </p:cNvSpPr>
          <p:nvPr>
            <p:ph type="sldNum" sz="quarter" idx="29"/>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17664220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hasCustomPrompt="1"/>
          </p:nvPr>
        </p:nvSpPr>
        <p:spPr>
          <a:xfrm>
            <a:off x="758189" y="225901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hasCustomPrompt="1"/>
          </p:nvPr>
        </p:nvSpPr>
        <p:spPr>
          <a:xfrm>
            <a:off x="758189" y="420192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hasCustomPrompt="1"/>
          </p:nvPr>
        </p:nvSpPr>
        <p:spPr>
          <a:xfrm>
            <a:off x="6360882" y="2259018"/>
            <a:ext cx="5111026"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hasCustomPrompt="1"/>
          </p:nvPr>
        </p:nvSpPr>
        <p:spPr>
          <a:xfrm>
            <a:off x="6360883" y="4201928"/>
            <a:ext cx="5111026" cy="1489254"/>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5" name="Date Placeholder 4">
            <a:extLst>
              <a:ext uri="{FF2B5EF4-FFF2-40B4-BE49-F238E27FC236}">
                <a16:creationId xmlns:a16="http://schemas.microsoft.com/office/drawing/2014/main" id="{B7A65D5F-01ED-B738-E3E8-2A7330B0066B}"/>
              </a:ext>
            </a:extLst>
          </p:cNvPr>
          <p:cNvSpPr>
            <a:spLocks noGrp="1"/>
          </p:cNvSpPr>
          <p:nvPr>
            <p:ph type="dt" sz="half" idx="23"/>
          </p:nvPr>
        </p:nvSpPr>
        <p:spPr>
          <a:xfrm>
            <a:off x="4711700" y="6354535"/>
            <a:ext cx="2743200" cy="215444"/>
          </a:xfrm>
          <a:prstGeom prst="rect">
            <a:avLst/>
          </a:prstGeom>
        </p:spPr>
        <p:txBody>
          <a:bodyPr/>
          <a:lstStyle/>
          <a:p>
            <a:endParaRPr lang="en-GB"/>
          </a:p>
        </p:txBody>
      </p:sp>
      <p:sp>
        <p:nvSpPr>
          <p:cNvPr id="6" name="Footer Placeholder 5">
            <a:extLst>
              <a:ext uri="{FF2B5EF4-FFF2-40B4-BE49-F238E27FC236}">
                <a16:creationId xmlns:a16="http://schemas.microsoft.com/office/drawing/2014/main" id="{C580EF2A-D9F4-E566-1F87-8E52112E967E}"/>
              </a:ext>
            </a:extLst>
          </p:cNvPr>
          <p:cNvSpPr>
            <a:spLocks noGrp="1"/>
          </p:cNvSpPr>
          <p:nvPr>
            <p:ph type="ftr" sz="quarter" idx="24"/>
          </p:nvPr>
        </p:nvSpPr>
        <p:spPr/>
        <p:txBody>
          <a:bodyPr/>
          <a:lstStyle/>
          <a:p>
            <a:r>
              <a:rPr lang="en-US"/>
              <a:t>Technology for a better society</a:t>
            </a:r>
            <a:endParaRPr lang="nb-NO"/>
          </a:p>
        </p:txBody>
      </p:sp>
      <p:sp>
        <p:nvSpPr>
          <p:cNvPr id="7" name="Slide Number Placeholder 6">
            <a:extLst>
              <a:ext uri="{FF2B5EF4-FFF2-40B4-BE49-F238E27FC236}">
                <a16:creationId xmlns:a16="http://schemas.microsoft.com/office/drawing/2014/main" id="{96619313-A68D-CD90-B62A-8563CDACFEBE}"/>
              </a:ext>
            </a:extLst>
          </p:cNvPr>
          <p:cNvSpPr>
            <a:spLocks noGrp="1"/>
          </p:cNvSpPr>
          <p:nvPr>
            <p:ph type="sldNum" sz="quarter" idx="25"/>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1588639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add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hasCustomPrompt="1"/>
          </p:nvPr>
        </p:nvSpPr>
        <p:spPr>
          <a:xfrm>
            <a:off x="3565348"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add text</a:t>
            </a:r>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hasCustomPrompt="1"/>
          </p:nvPr>
        </p:nvSpPr>
        <p:spPr>
          <a:xfrm>
            <a:off x="6387315"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add text</a:t>
            </a:r>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hasCustomPrompt="1"/>
          </p:nvPr>
        </p:nvSpPr>
        <p:spPr>
          <a:xfrm>
            <a:off x="9221981"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add text</a:t>
            </a:r>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5" name="Date Placeholder 4">
            <a:extLst>
              <a:ext uri="{FF2B5EF4-FFF2-40B4-BE49-F238E27FC236}">
                <a16:creationId xmlns:a16="http://schemas.microsoft.com/office/drawing/2014/main" id="{967BC008-F171-60A6-F767-2CCA9725DF46}"/>
              </a:ext>
            </a:extLst>
          </p:cNvPr>
          <p:cNvSpPr>
            <a:spLocks noGrp="1"/>
          </p:cNvSpPr>
          <p:nvPr>
            <p:ph type="dt" sz="half" idx="34"/>
          </p:nvPr>
        </p:nvSpPr>
        <p:spPr>
          <a:xfrm>
            <a:off x="4711700" y="6354535"/>
            <a:ext cx="2743200" cy="215444"/>
          </a:xfrm>
          <a:prstGeom prst="rect">
            <a:avLst/>
          </a:prstGeom>
        </p:spPr>
        <p:txBody>
          <a:bodyPr/>
          <a:lstStyle/>
          <a:p>
            <a:endParaRPr lang="en-GB"/>
          </a:p>
        </p:txBody>
      </p:sp>
      <p:sp>
        <p:nvSpPr>
          <p:cNvPr id="6" name="Footer Placeholder 5">
            <a:extLst>
              <a:ext uri="{FF2B5EF4-FFF2-40B4-BE49-F238E27FC236}">
                <a16:creationId xmlns:a16="http://schemas.microsoft.com/office/drawing/2014/main" id="{71F6CA7D-DA76-6A0A-D5D0-34FB1277FC5E}"/>
              </a:ext>
            </a:extLst>
          </p:cNvPr>
          <p:cNvSpPr>
            <a:spLocks noGrp="1"/>
          </p:cNvSpPr>
          <p:nvPr>
            <p:ph type="ftr" sz="quarter" idx="35"/>
          </p:nvPr>
        </p:nvSpPr>
        <p:spPr/>
        <p:txBody>
          <a:bodyPr/>
          <a:lstStyle/>
          <a:p>
            <a:r>
              <a:rPr lang="en-US"/>
              <a:t>Technology for a better society</a:t>
            </a:r>
            <a:endParaRPr lang="nb-NO"/>
          </a:p>
        </p:txBody>
      </p:sp>
      <p:sp>
        <p:nvSpPr>
          <p:cNvPr id="7" name="Slide Number Placeholder 6">
            <a:extLst>
              <a:ext uri="{FF2B5EF4-FFF2-40B4-BE49-F238E27FC236}">
                <a16:creationId xmlns:a16="http://schemas.microsoft.com/office/drawing/2014/main" id="{781844CB-D118-2AD0-DAD1-73F935DB6FA8}"/>
              </a:ext>
            </a:extLst>
          </p:cNvPr>
          <p:cNvSpPr>
            <a:spLocks noGrp="1"/>
          </p:cNvSpPr>
          <p:nvPr>
            <p:ph type="sldNum" sz="quarter" idx="36"/>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204547927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a:t>Short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a:t>Short text</a:t>
            </a:r>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a:t>Short text</a:t>
            </a:r>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a:t>Short text</a:t>
            </a:r>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5" name="Date Placeholder 4">
            <a:extLst>
              <a:ext uri="{FF2B5EF4-FFF2-40B4-BE49-F238E27FC236}">
                <a16:creationId xmlns:a16="http://schemas.microsoft.com/office/drawing/2014/main" id="{BA607F2A-B944-98FB-CAC2-D9A4F5592B73}"/>
              </a:ext>
            </a:extLst>
          </p:cNvPr>
          <p:cNvSpPr>
            <a:spLocks noGrp="1"/>
          </p:cNvSpPr>
          <p:nvPr>
            <p:ph type="dt" sz="half" idx="48"/>
          </p:nvPr>
        </p:nvSpPr>
        <p:spPr>
          <a:xfrm>
            <a:off x="4711700" y="6354535"/>
            <a:ext cx="2743200" cy="215444"/>
          </a:xfrm>
          <a:prstGeom prst="rect">
            <a:avLst/>
          </a:prstGeom>
        </p:spPr>
        <p:txBody>
          <a:bodyPr/>
          <a:lstStyle/>
          <a:p>
            <a:endParaRPr lang="en-GB"/>
          </a:p>
        </p:txBody>
      </p:sp>
      <p:sp>
        <p:nvSpPr>
          <p:cNvPr id="7" name="Footer Placeholder 6">
            <a:extLst>
              <a:ext uri="{FF2B5EF4-FFF2-40B4-BE49-F238E27FC236}">
                <a16:creationId xmlns:a16="http://schemas.microsoft.com/office/drawing/2014/main" id="{25B4DCF7-B49F-CAE3-E9F1-DE389943194E}"/>
              </a:ext>
            </a:extLst>
          </p:cNvPr>
          <p:cNvSpPr>
            <a:spLocks noGrp="1"/>
          </p:cNvSpPr>
          <p:nvPr>
            <p:ph type="ftr" sz="quarter" idx="49"/>
          </p:nvPr>
        </p:nvSpPr>
        <p:spPr/>
        <p:txBody>
          <a:bodyPr/>
          <a:lstStyle/>
          <a:p>
            <a:r>
              <a:rPr lang="en-US"/>
              <a:t>Technology for a better society</a:t>
            </a:r>
            <a:endParaRPr lang="nb-NO"/>
          </a:p>
        </p:txBody>
      </p:sp>
      <p:sp>
        <p:nvSpPr>
          <p:cNvPr id="9" name="Slide Number Placeholder 8">
            <a:extLst>
              <a:ext uri="{FF2B5EF4-FFF2-40B4-BE49-F238E27FC236}">
                <a16:creationId xmlns:a16="http://schemas.microsoft.com/office/drawing/2014/main" id="{231F5D8E-BBBA-56B8-F20E-673489E6078A}"/>
              </a:ext>
            </a:extLst>
          </p:cNvPr>
          <p:cNvSpPr>
            <a:spLocks noGrp="1"/>
          </p:cNvSpPr>
          <p:nvPr>
            <p:ph type="sldNum" sz="quarter" idx="50"/>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1990850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a:t>Short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2351315"/>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a:t>Short text</a:t>
            </a:r>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a:t>Short text</a:t>
            </a:r>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a:t>Short text</a:t>
            </a:r>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5" name="Date Placeholder 4">
            <a:extLst>
              <a:ext uri="{FF2B5EF4-FFF2-40B4-BE49-F238E27FC236}">
                <a16:creationId xmlns:a16="http://schemas.microsoft.com/office/drawing/2014/main" id="{00526124-2E9C-0929-D044-6FA8C701BC39}"/>
              </a:ext>
            </a:extLst>
          </p:cNvPr>
          <p:cNvSpPr>
            <a:spLocks noGrp="1"/>
          </p:cNvSpPr>
          <p:nvPr>
            <p:ph type="dt" sz="half" idx="47"/>
          </p:nvPr>
        </p:nvSpPr>
        <p:spPr>
          <a:xfrm>
            <a:off x="4711700" y="6354535"/>
            <a:ext cx="2743200" cy="215444"/>
          </a:xfrm>
          <a:prstGeom prst="rect">
            <a:avLst/>
          </a:prstGeom>
        </p:spPr>
        <p:txBody>
          <a:bodyPr/>
          <a:lstStyle/>
          <a:p>
            <a:endParaRPr lang="en-GB"/>
          </a:p>
        </p:txBody>
      </p:sp>
      <p:sp>
        <p:nvSpPr>
          <p:cNvPr id="6" name="Footer Placeholder 5">
            <a:extLst>
              <a:ext uri="{FF2B5EF4-FFF2-40B4-BE49-F238E27FC236}">
                <a16:creationId xmlns:a16="http://schemas.microsoft.com/office/drawing/2014/main" id="{C043C33F-737E-1FB3-B2D7-BB579F98102E}"/>
              </a:ext>
            </a:extLst>
          </p:cNvPr>
          <p:cNvSpPr>
            <a:spLocks noGrp="1"/>
          </p:cNvSpPr>
          <p:nvPr>
            <p:ph type="ftr" sz="quarter" idx="48"/>
          </p:nvPr>
        </p:nvSpPr>
        <p:spPr/>
        <p:txBody>
          <a:bodyPr/>
          <a:lstStyle/>
          <a:p>
            <a:r>
              <a:rPr lang="en-US"/>
              <a:t>Technology for a better society</a:t>
            </a:r>
            <a:endParaRPr lang="nb-NO"/>
          </a:p>
        </p:txBody>
      </p:sp>
      <p:sp>
        <p:nvSpPr>
          <p:cNvPr id="7" name="Slide Number Placeholder 6">
            <a:extLst>
              <a:ext uri="{FF2B5EF4-FFF2-40B4-BE49-F238E27FC236}">
                <a16:creationId xmlns:a16="http://schemas.microsoft.com/office/drawing/2014/main" id="{880A6D46-4D35-5FEE-FB68-B209AEBA1458}"/>
              </a:ext>
            </a:extLst>
          </p:cNvPr>
          <p:cNvSpPr>
            <a:spLocks noGrp="1"/>
          </p:cNvSpPr>
          <p:nvPr>
            <p:ph type="sldNum" sz="quarter" idx="49"/>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217198185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ire figurer (Uten bilde, Ly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rgbClr val="DB8784"/>
          </a:solidFill>
        </p:spPr>
        <p:txBody>
          <a:bodyPr lIns="72000" tIns="0" rIns="0" bIns="0" anchor="t"/>
          <a:lstStyle>
            <a:lvl1pPr marL="0" indent="0" algn="l">
              <a:buNone/>
              <a:defRPr sz="3000" b="1">
                <a:solidFill>
                  <a:schemeClr val="tx2"/>
                </a:solidFill>
                <a:latin typeface="+mj-lt"/>
              </a:defRPr>
            </a:lvl1pPr>
          </a:lstStyle>
          <a:p>
            <a:pPr lvl="0"/>
            <a:r>
              <a:rPr lang="en-US"/>
              <a:t>Short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2351315"/>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rgbClr val="EFCC6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a:t>Short text</a:t>
            </a:r>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rgbClr val="CDFAE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a:t>Short text</a:t>
            </a:r>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rgbClr val="14B978"/>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a:t>Short text</a:t>
            </a:r>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5" name="Date Placeholder 4">
            <a:extLst>
              <a:ext uri="{FF2B5EF4-FFF2-40B4-BE49-F238E27FC236}">
                <a16:creationId xmlns:a16="http://schemas.microsoft.com/office/drawing/2014/main" id="{57680573-56D6-D035-D738-B8B7047CA170}"/>
              </a:ext>
            </a:extLst>
          </p:cNvPr>
          <p:cNvSpPr>
            <a:spLocks noGrp="1"/>
          </p:cNvSpPr>
          <p:nvPr>
            <p:ph type="dt" sz="half" idx="47"/>
          </p:nvPr>
        </p:nvSpPr>
        <p:spPr>
          <a:xfrm>
            <a:off x="4711700" y="6354535"/>
            <a:ext cx="2743200" cy="215444"/>
          </a:xfrm>
          <a:prstGeom prst="rect">
            <a:avLst/>
          </a:prstGeom>
        </p:spPr>
        <p:txBody>
          <a:bodyPr/>
          <a:lstStyle/>
          <a:p>
            <a:endParaRPr lang="en-GB"/>
          </a:p>
        </p:txBody>
      </p:sp>
      <p:sp>
        <p:nvSpPr>
          <p:cNvPr id="6" name="Footer Placeholder 5">
            <a:extLst>
              <a:ext uri="{FF2B5EF4-FFF2-40B4-BE49-F238E27FC236}">
                <a16:creationId xmlns:a16="http://schemas.microsoft.com/office/drawing/2014/main" id="{843EF8E0-453F-7ACC-3F13-04FB3D738C1A}"/>
              </a:ext>
            </a:extLst>
          </p:cNvPr>
          <p:cNvSpPr>
            <a:spLocks noGrp="1"/>
          </p:cNvSpPr>
          <p:nvPr>
            <p:ph type="ftr" sz="quarter" idx="48"/>
          </p:nvPr>
        </p:nvSpPr>
        <p:spPr/>
        <p:txBody>
          <a:bodyPr/>
          <a:lstStyle/>
          <a:p>
            <a:r>
              <a:rPr lang="en-US"/>
              <a:t>Technology for a better society</a:t>
            </a:r>
            <a:endParaRPr lang="nb-NO"/>
          </a:p>
        </p:txBody>
      </p:sp>
      <p:sp>
        <p:nvSpPr>
          <p:cNvPr id="7" name="Slide Number Placeholder 6">
            <a:extLst>
              <a:ext uri="{FF2B5EF4-FFF2-40B4-BE49-F238E27FC236}">
                <a16:creationId xmlns:a16="http://schemas.microsoft.com/office/drawing/2014/main" id="{321B2B2E-987E-5E6A-505F-4E820529CDC0}"/>
              </a:ext>
            </a:extLst>
          </p:cNvPr>
          <p:cNvSpPr>
            <a:spLocks noGrp="1"/>
          </p:cNvSpPr>
          <p:nvPr>
            <p:ph type="sldNum" sz="quarter" idx="49"/>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7523632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5" name="Date Placeholder 4">
            <a:extLst>
              <a:ext uri="{FF2B5EF4-FFF2-40B4-BE49-F238E27FC236}">
                <a16:creationId xmlns:a16="http://schemas.microsoft.com/office/drawing/2014/main" id="{C493EF1A-3D27-7F40-A097-1BF0DB5E146E}"/>
              </a:ext>
            </a:extLst>
          </p:cNvPr>
          <p:cNvSpPr>
            <a:spLocks noGrp="1"/>
          </p:cNvSpPr>
          <p:nvPr>
            <p:ph type="dt" sz="half" idx="10"/>
          </p:nvPr>
        </p:nvSpPr>
        <p:spPr>
          <a:xfrm>
            <a:off x="4711700" y="6354535"/>
            <a:ext cx="2743200" cy="215444"/>
          </a:xfrm>
          <a:prstGeom prst="rect">
            <a:avLst/>
          </a:prstGeom>
        </p:spPr>
        <p:txBody>
          <a:bodyPr/>
          <a:lstStyle/>
          <a:p>
            <a:endParaRPr lang="en-GB"/>
          </a:p>
        </p:txBody>
      </p:sp>
      <p:sp>
        <p:nvSpPr>
          <p:cNvPr id="7" name="Footer Placeholder 6">
            <a:extLst>
              <a:ext uri="{FF2B5EF4-FFF2-40B4-BE49-F238E27FC236}">
                <a16:creationId xmlns:a16="http://schemas.microsoft.com/office/drawing/2014/main" id="{A8342E54-CF39-2C2F-3FF2-CBE78ED05F17}"/>
              </a:ext>
            </a:extLst>
          </p:cNvPr>
          <p:cNvSpPr>
            <a:spLocks noGrp="1"/>
          </p:cNvSpPr>
          <p:nvPr>
            <p:ph type="ftr" sz="quarter" idx="11"/>
          </p:nvPr>
        </p:nvSpPr>
        <p:spPr/>
        <p:txBody>
          <a:bodyPr/>
          <a:lstStyle/>
          <a:p>
            <a:r>
              <a:rPr lang="en-US"/>
              <a:t>Technology for a better society</a:t>
            </a:r>
            <a:endParaRPr lang="nb-NO"/>
          </a:p>
        </p:txBody>
      </p:sp>
      <p:sp>
        <p:nvSpPr>
          <p:cNvPr id="8" name="Slide Number Placeholder 7">
            <a:extLst>
              <a:ext uri="{FF2B5EF4-FFF2-40B4-BE49-F238E27FC236}">
                <a16:creationId xmlns:a16="http://schemas.microsoft.com/office/drawing/2014/main" id="{87F40761-3355-6DEB-69D6-B0E1A581CF88}"/>
              </a:ext>
            </a:extLst>
          </p:cNvPr>
          <p:cNvSpPr>
            <a:spLocks noGrp="1"/>
          </p:cNvSpPr>
          <p:nvPr>
            <p:ph type="sldNum" sz="quarter" idx="12"/>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01905768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95317320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2927713" y="2828835"/>
            <a:ext cx="6336575" cy="1200329"/>
          </a:xfrm>
        </p:spPr>
        <p:txBody>
          <a:bodyPr>
            <a:noAutofit/>
          </a:bodyPr>
          <a:lstStyle>
            <a:lvl1pPr algn="ctr">
              <a:defRPr sz="3800">
                <a:solidFill>
                  <a:schemeClr val="bg1"/>
                </a:solidFill>
              </a:defRPr>
            </a:lvl1pPr>
          </a:lstStyle>
          <a:p>
            <a:r>
              <a:rPr lang="nb-NO"/>
              <a:t>Technology for a </a:t>
            </a:r>
            <a:r>
              <a:rPr lang="nb-NO" err="1"/>
              <a:t>better</a:t>
            </a:r>
            <a:r>
              <a:rPr lang="nb-NO"/>
              <a:t> </a:t>
            </a:r>
            <a:r>
              <a:rPr lang="nb-NO" err="1"/>
              <a:t>society</a:t>
            </a:r>
            <a:endParaRPr lang="nb-NO"/>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69985771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a:blipFill>
            <a:blip r:embed="rId2"/>
            <a:stretch>
              <a:fillRect/>
            </a:stretch>
          </a:blipFill>
        </p:spPr>
        <p:txBody>
          <a:bodyPr wrap="square">
            <a:noAutofit/>
          </a:bodyPr>
          <a:lstStyle>
            <a:lvl1pPr algn="ctr">
              <a:buNone/>
              <a:defRPr/>
            </a:lvl1pPr>
          </a:lstStyle>
          <a:p>
            <a:r>
              <a:rPr lang="nb-NO"/>
              <a:t>Klikk på ikonet for å legge til et bilde</a:t>
            </a:r>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hasCustomPrompt="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err="1"/>
              <a:t>Click</a:t>
            </a:r>
            <a:r>
              <a:rPr lang="nb-NO"/>
              <a:t> to </a:t>
            </a:r>
            <a:r>
              <a:rPr lang="nb-NO" err="1"/>
              <a:t>add</a:t>
            </a:r>
            <a:r>
              <a:rPr lang="nb-NO"/>
              <a:t> </a:t>
            </a:r>
            <a:r>
              <a:rPr lang="nb-NO" err="1"/>
              <a:t>subtitle</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0" y="0"/>
            <a:ext cx="1096735" cy="1304666"/>
          </a:xfrm>
          <a:prstGeom prst="rect">
            <a:avLst/>
          </a:prstGeom>
        </p:spPr>
      </p:pic>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Short </a:t>
            </a:r>
            <a:r>
              <a:rPr lang="nb-NO" err="1"/>
              <a:t>title</a:t>
            </a:r>
            <a:endParaRPr lang="nb-NO"/>
          </a:p>
        </p:txBody>
      </p:sp>
      <p:sp>
        <p:nvSpPr>
          <p:cNvPr id="8" name="Footer Placeholder 7">
            <a:extLst>
              <a:ext uri="{FF2B5EF4-FFF2-40B4-BE49-F238E27FC236}">
                <a16:creationId xmlns:a16="http://schemas.microsoft.com/office/drawing/2014/main" id="{A6023F19-6759-EB69-636C-44309C22BD02}"/>
              </a:ext>
            </a:extLst>
          </p:cNvPr>
          <p:cNvSpPr>
            <a:spLocks noGrp="1"/>
          </p:cNvSpPr>
          <p:nvPr>
            <p:ph type="ftr" sz="quarter" idx="22"/>
          </p:nvPr>
        </p:nvSpPr>
        <p:spPr/>
        <p:txBody>
          <a:bodyPr/>
          <a:lstStyle>
            <a:lvl1pPr>
              <a:defRPr>
                <a:solidFill>
                  <a:schemeClr val="tx2"/>
                </a:solidFill>
              </a:defRPr>
            </a:lvl1pPr>
          </a:lstStyle>
          <a:p>
            <a:r>
              <a:rPr lang="en-US"/>
              <a:t>Technology for a better society</a:t>
            </a:r>
            <a:endParaRPr lang="nb-NO"/>
          </a:p>
        </p:txBody>
      </p:sp>
      <p:sp>
        <p:nvSpPr>
          <p:cNvPr id="10" name="Slide Number Placeholder 9">
            <a:extLst>
              <a:ext uri="{FF2B5EF4-FFF2-40B4-BE49-F238E27FC236}">
                <a16:creationId xmlns:a16="http://schemas.microsoft.com/office/drawing/2014/main" id="{6FE08D11-304F-1184-2C25-7FD7C9AA1992}"/>
              </a:ext>
            </a:extLst>
          </p:cNvPr>
          <p:cNvSpPr>
            <a:spLocks noGrp="1"/>
          </p:cNvSpPr>
          <p:nvPr>
            <p:ph type="sldNum" sz="quarter" idx="23"/>
          </p:nvPr>
        </p:nvSpPr>
        <p:spPr/>
        <p:txBody>
          <a:bodyPr/>
          <a:lstStyle>
            <a:lvl1pPr>
              <a:defRPr>
                <a:solidFill>
                  <a:schemeClr val="tx2"/>
                </a:solidFill>
              </a:defRPr>
            </a:lvl1pPr>
          </a:lstStyle>
          <a:p>
            <a:fld id="{B28577EF-26A1-4248-AC55-7ADFDAB26891}" type="slidenum">
              <a:rPr lang="en-GB" smtClean="0"/>
              <a:pPr/>
              <a:t>‹#›</a:t>
            </a:fld>
            <a:endParaRPr lang="en-GB"/>
          </a:p>
        </p:txBody>
      </p:sp>
    </p:spTree>
    <p:extLst>
      <p:ext uri="{BB962C8B-B14F-4D97-AF65-F5344CB8AC3E}">
        <p14:creationId xmlns:p14="http://schemas.microsoft.com/office/powerpoint/2010/main" val="233958680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0" name="Picture Placeholder 17">
            <a:extLst>
              <a:ext uri="{FF2B5EF4-FFF2-40B4-BE49-F238E27FC236}">
                <a16:creationId xmlns:a16="http://schemas.microsoft.com/office/drawing/2014/main" id="{EEDD0BA7-C436-7FE0-64B1-EBC49CF4FA26}"/>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a:blipFill>
            <a:blip r:embed="rId2"/>
            <a:stretch>
              <a:fillRect/>
            </a:stretch>
          </a:blipFill>
        </p:spPr>
        <p:txBody>
          <a:bodyPr wrap="square">
            <a:noAutofit/>
          </a:bodyPr>
          <a:lstStyle>
            <a:lvl1pPr>
              <a:buNone/>
              <a:defRPr/>
            </a:lvl1pPr>
          </a:lstStyle>
          <a:p>
            <a:endParaRPr lang="nb-NO"/>
          </a:p>
        </p:txBody>
      </p:sp>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897296" cy="2074529"/>
          </a:xfrm>
          <a:solidFill>
            <a:schemeClr val="bg1"/>
          </a:solidFill>
        </p:spPr>
        <p:txBody>
          <a:bodyPr/>
          <a:lstStyle>
            <a:lvl1pPr marL="0" indent="0">
              <a:buNone/>
              <a:defRPr/>
            </a:lvl1pPr>
          </a:lstStyle>
          <a:p>
            <a:pPr lvl="0"/>
            <a:r>
              <a:rPr lang="nb-NO"/>
              <a:t> </a:t>
            </a:r>
          </a:p>
        </p:txBody>
      </p:sp>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a:t>Short </a:t>
            </a:r>
            <a:r>
              <a:rPr lang="nb-NO" err="1"/>
              <a:t>title</a:t>
            </a:r>
            <a:endParaRPr lang="nb-NO"/>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hasCustomPrompt="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err="1"/>
              <a:t>Click</a:t>
            </a:r>
            <a:r>
              <a:rPr lang="nb-NO"/>
              <a:t> to </a:t>
            </a:r>
            <a:r>
              <a:rPr lang="nb-NO" err="1"/>
              <a:t>add</a:t>
            </a:r>
            <a:r>
              <a:rPr lang="nb-NO"/>
              <a:t> </a:t>
            </a:r>
            <a:r>
              <a:rPr lang="nb-NO" err="1"/>
              <a:t>subtitle</a:t>
            </a:r>
            <a:endParaRPr lang="nb-NO"/>
          </a:p>
        </p:txBody>
      </p:sp>
      <p:pic>
        <p:nvPicPr>
          <p:cNvPr id="9" name="Graphic 8">
            <a:extLst>
              <a:ext uri="{FF2B5EF4-FFF2-40B4-BE49-F238E27FC236}">
                <a16:creationId xmlns:a16="http://schemas.microsoft.com/office/drawing/2014/main" id="{31B4F5CB-508E-40CD-99E9-A75C5CF5181B}"/>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1" y="-1"/>
            <a:ext cx="1099919" cy="1304666"/>
          </a:xfrm>
          <a:prstGeom prst="rect">
            <a:avLst/>
          </a:prstGeom>
        </p:spPr>
      </p:pic>
      <p:sp>
        <p:nvSpPr>
          <p:cNvPr id="6" name="Footer Placeholder 5">
            <a:extLst>
              <a:ext uri="{FF2B5EF4-FFF2-40B4-BE49-F238E27FC236}">
                <a16:creationId xmlns:a16="http://schemas.microsoft.com/office/drawing/2014/main" id="{8F6E4096-9A09-FBED-C1E7-FEFE02F1696E}"/>
              </a:ext>
            </a:extLst>
          </p:cNvPr>
          <p:cNvSpPr>
            <a:spLocks noGrp="1"/>
          </p:cNvSpPr>
          <p:nvPr>
            <p:ph type="ftr" sz="quarter" idx="22"/>
          </p:nvPr>
        </p:nvSpPr>
        <p:spPr/>
        <p:txBody>
          <a:bodyPr/>
          <a:lstStyle>
            <a:lvl1pPr>
              <a:defRPr>
                <a:solidFill>
                  <a:schemeClr val="bg1"/>
                </a:solidFill>
              </a:defRPr>
            </a:lvl1p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74F7272C-3E8B-A404-40E9-523547827B23}"/>
              </a:ext>
            </a:extLst>
          </p:cNvPr>
          <p:cNvSpPr>
            <a:spLocks noGrp="1"/>
          </p:cNvSpPr>
          <p:nvPr>
            <p:ph type="sldNum" sz="quarter" idx="23"/>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98385077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Side med heldekkende bilde">
    <p:bg>
      <p:bgPr>
        <a:solidFill>
          <a:schemeClr val="bg1"/>
        </a:solidFill>
        <a:effectLst/>
      </p:bgPr>
    </p:bg>
    <p:spTree>
      <p:nvGrpSpPr>
        <p:cNvPr id="1" name=""/>
        <p:cNvGrpSpPr/>
        <p:nvPr/>
      </p:nvGrpSpPr>
      <p:grpSpPr>
        <a:xfrm>
          <a:off x="0" y="0"/>
          <a:ext cx="0" cy="0"/>
          <a:chOff x="0" y="0"/>
          <a:chExt cx="0" cy="0"/>
        </a:xfrm>
      </p:grpSpPr>
      <p:sp>
        <p:nvSpPr>
          <p:cNvPr id="9" name="Picture Placeholder 9">
            <a:extLst>
              <a:ext uri="{FF2B5EF4-FFF2-40B4-BE49-F238E27FC236}">
                <a16:creationId xmlns:a16="http://schemas.microsoft.com/office/drawing/2014/main" id="{58B97A22-7072-4F9B-9DE7-1E83A7AB9B75}"/>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a:blipFill>
            <a:blip r:embed="rId2"/>
            <a:stretch>
              <a:fillRect/>
            </a:stretch>
          </a:blipFill>
        </p:spPr>
        <p:txBody>
          <a:bodyPr wrap="square">
            <a:noAutofit/>
          </a:bodyPr>
          <a:lstStyle>
            <a:lvl1pPr algn="ctr">
              <a:buNone/>
              <a:defRPr/>
            </a:lvl1pPr>
          </a:lstStyle>
          <a:p>
            <a:r>
              <a:rPr lang="nb-NO"/>
              <a:t>Klikk på ikonet for å legge til et bilde</a:t>
            </a:r>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hasCustomPrompt="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err="1"/>
              <a:t>Click</a:t>
            </a:r>
            <a:r>
              <a:rPr lang="nb-NO"/>
              <a:t> to </a:t>
            </a:r>
            <a:r>
              <a:rPr lang="nb-NO" err="1"/>
              <a:t>add</a:t>
            </a:r>
            <a:r>
              <a:rPr lang="nb-NO"/>
              <a:t> </a:t>
            </a:r>
            <a:r>
              <a:rPr lang="nb-NO" err="1"/>
              <a:t>subtitle</a:t>
            </a:r>
            <a:endParaRPr lang="nb-NO"/>
          </a:p>
        </p:txBody>
      </p:sp>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Short </a:t>
            </a:r>
            <a:r>
              <a:rPr lang="nb-NO" err="1"/>
              <a:t>title</a:t>
            </a:r>
            <a:endParaRPr lang="nb-NO"/>
          </a:p>
        </p:txBody>
      </p:sp>
      <p:pic>
        <p:nvPicPr>
          <p:cNvPr id="10" name="Graphic 9">
            <a:extLst>
              <a:ext uri="{FF2B5EF4-FFF2-40B4-BE49-F238E27FC236}">
                <a16:creationId xmlns:a16="http://schemas.microsoft.com/office/drawing/2014/main" id="{0597384E-57FD-4F04-8C50-6AF0A2BD8C6B}"/>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1" y="-1"/>
            <a:ext cx="1099919" cy="1304666"/>
          </a:xfrm>
          <a:prstGeom prst="rect">
            <a:avLst/>
          </a:prstGeom>
        </p:spPr>
      </p:pic>
      <p:sp>
        <p:nvSpPr>
          <p:cNvPr id="6" name="Footer Placeholder 5">
            <a:extLst>
              <a:ext uri="{FF2B5EF4-FFF2-40B4-BE49-F238E27FC236}">
                <a16:creationId xmlns:a16="http://schemas.microsoft.com/office/drawing/2014/main" id="{9FA8D0D5-4142-8923-1F30-87F81C50F26A}"/>
              </a:ext>
            </a:extLst>
          </p:cNvPr>
          <p:cNvSpPr>
            <a:spLocks noGrp="1"/>
          </p:cNvSpPr>
          <p:nvPr>
            <p:ph type="ftr" sz="quarter" idx="22"/>
          </p:nvPr>
        </p:nvSpPr>
        <p:spPr/>
        <p:txBody>
          <a:bodyPr/>
          <a:lstStyle>
            <a:lvl1pPr>
              <a:defRPr>
                <a:solidFill>
                  <a:schemeClr val="bg1"/>
                </a:solidFill>
              </a:defRPr>
            </a:lvl1pPr>
          </a:lstStyle>
          <a:p>
            <a:pPr algn="r"/>
            <a:r>
              <a:rPr lang="en-US"/>
              <a:t>Technology for a better society</a:t>
            </a:r>
            <a:endParaRPr lang="nb-NO"/>
          </a:p>
        </p:txBody>
      </p:sp>
      <p:sp>
        <p:nvSpPr>
          <p:cNvPr id="8" name="Slide Number Placeholder 7">
            <a:extLst>
              <a:ext uri="{FF2B5EF4-FFF2-40B4-BE49-F238E27FC236}">
                <a16:creationId xmlns:a16="http://schemas.microsoft.com/office/drawing/2014/main" id="{F6C80863-452E-DDE6-E33A-5291D515F20B}"/>
              </a:ext>
            </a:extLst>
          </p:cNvPr>
          <p:cNvSpPr>
            <a:spLocks noGrp="1"/>
          </p:cNvSpPr>
          <p:nvPr>
            <p:ph type="sldNum" sz="quarter" idx="23"/>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209818702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ide med heldekkende video">
    <p:bg>
      <p:bgPr>
        <a:solidFill>
          <a:schemeClr val="bg1"/>
        </a:solidFill>
        <a:effectLst/>
      </p:bgPr>
    </p:bg>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lvl1pPr>
              <a:defRPr>
                <a:solidFill>
                  <a:schemeClr val="tx2"/>
                </a:solidFill>
              </a:defRPr>
            </a:lvl1pPr>
          </a:lstStyle>
          <a:p>
            <a:endParaRPr lang="en-US"/>
          </a:p>
        </p:txBody>
      </p:sp>
      <p:pic>
        <p:nvPicPr>
          <p:cNvPr id="9" name="Graphic 8">
            <a:extLst>
              <a:ext uri="{FF2B5EF4-FFF2-40B4-BE49-F238E27FC236}">
                <a16:creationId xmlns:a16="http://schemas.microsoft.com/office/drawing/2014/main" id="{B691721E-7EAA-4CAE-8AD6-46313E87B52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
        <p:nvSpPr>
          <p:cNvPr id="10" name="Text Placeholder 2">
            <a:extLst>
              <a:ext uri="{FF2B5EF4-FFF2-40B4-BE49-F238E27FC236}">
                <a16:creationId xmlns:a16="http://schemas.microsoft.com/office/drawing/2014/main" id="{A0E397CE-3BE9-4B6D-A6CA-DA7C6931A237}"/>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1" name="Subtitle 2">
            <a:extLst>
              <a:ext uri="{FF2B5EF4-FFF2-40B4-BE49-F238E27FC236}">
                <a16:creationId xmlns:a16="http://schemas.microsoft.com/office/drawing/2014/main" id="{C48FCAF9-0444-4E65-BC4B-318753FE8C19}"/>
              </a:ext>
            </a:extLst>
          </p:cNvPr>
          <p:cNvSpPr>
            <a:spLocks noGrp="1"/>
          </p:cNvSpPr>
          <p:nvPr>
            <p:ph type="subTitle" idx="1" hasCustomPrompt="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err="1"/>
              <a:t>Click</a:t>
            </a:r>
            <a:r>
              <a:rPr lang="nb-NO"/>
              <a:t> to </a:t>
            </a:r>
            <a:r>
              <a:rPr lang="nb-NO" err="1"/>
              <a:t>add</a:t>
            </a:r>
            <a:r>
              <a:rPr lang="nb-NO"/>
              <a:t> </a:t>
            </a:r>
            <a:r>
              <a:rPr lang="nb-NO" err="1"/>
              <a:t>subtitle</a:t>
            </a:r>
            <a:endParaRPr lang="nb-NO"/>
          </a:p>
        </p:txBody>
      </p:sp>
      <p:sp>
        <p:nvSpPr>
          <p:cNvPr id="12" name="Title 1">
            <a:extLst>
              <a:ext uri="{FF2B5EF4-FFF2-40B4-BE49-F238E27FC236}">
                <a16:creationId xmlns:a16="http://schemas.microsoft.com/office/drawing/2014/main" id="{2228278C-DF93-4814-8B34-D031DEE1A188}"/>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Short </a:t>
            </a:r>
            <a:r>
              <a:rPr lang="nb-NO" err="1"/>
              <a:t>title</a:t>
            </a:r>
            <a:endParaRPr lang="nb-NO"/>
          </a:p>
        </p:txBody>
      </p:sp>
      <p:sp>
        <p:nvSpPr>
          <p:cNvPr id="4" name="Footer Placeholder 3">
            <a:extLst>
              <a:ext uri="{FF2B5EF4-FFF2-40B4-BE49-F238E27FC236}">
                <a16:creationId xmlns:a16="http://schemas.microsoft.com/office/drawing/2014/main" id="{C0EB83B5-5908-DF89-41BA-94832817B52E}"/>
              </a:ext>
            </a:extLst>
          </p:cNvPr>
          <p:cNvSpPr>
            <a:spLocks noGrp="1"/>
          </p:cNvSpPr>
          <p:nvPr>
            <p:ph type="ftr" sz="quarter" idx="22"/>
          </p:nvPr>
        </p:nvSpPr>
        <p:spPr/>
        <p:txBody>
          <a:body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2E0DDAD6-7EED-2A79-0861-380A9D499F5E}"/>
              </a:ext>
            </a:extLst>
          </p:cNvPr>
          <p:cNvSpPr>
            <a:spLocks noGrp="1"/>
          </p:cNvSpPr>
          <p:nvPr>
            <p:ph type="sldNum" sz="quarter" idx="23"/>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322455142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5" y="379964"/>
            <a:ext cx="93692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hasCustomPrompt="1"/>
          </p:nvPr>
        </p:nvSpPr>
        <p:spPr>
          <a:xfrm>
            <a:off x="758189" y="2259018"/>
            <a:ext cx="10713721" cy="3910012"/>
          </a:xfrm>
          <a:prstGeom prst="rect">
            <a:avLst/>
          </a:prstGeom>
        </p:spPr>
        <p:txBody>
          <a:bodyPr lIns="0" tIns="0" rIns="0" bIns="0"/>
          <a:lstStyle>
            <a:lvl1pPr>
              <a:defRPr/>
            </a:lvl1p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p>
        </p:txBody>
      </p:sp>
      <p:sp>
        <p:nvSpPr>
          <p:cNvPr id="3" name="Date Placeholder 2">
            <a:extLst>
              <a:ext uri="{FF2B5EF4-FFF2-40B4-BE49-F238E27FC236}">
                <a16:creationId xmlns:a16="http://schemas.microsoft.com/office/drawing/2014/main" id="{203F8D64-F93E-F455-32CE-3A57D80E9D70}"/>
              </a:ext>
            </a:extLst>
          </p:cNvPr>
          <p:cNvSpPr>
            <a:spLocks noGrp="1"/>
          </p:cNvSpPr>
          <p:nvPr>
            <p:ph type="dt" sz="half" idx="13"/>
          </p:nvPr>
        </p:nvSpPr>
        <p:spPr/>
        <p:txBody>
          <a:bodyPr/>
          <a:lstStyle/>
          <a:p>
            <a:endParaRPr lang="en-GB"/>
          </a:p>
        </p:txBody>
      </p:sp>
      <p:sp>
        <p:nvSpPr>
          <p:cNvPr id="4" name="Footer Placeholder 3">
            <a:extLst>
              <a:ext uri="{FF2B5EF4-FFF2-40B4-BE49-F238E27FC236}">
                <a16:creationId xmlns:a16="http://schemas.microsoft.com/office/drawing/2014/main" id="{4FFE5EF0-15AE-3421-AC6F-1ADC80407060}"/>
              </a:ext>
            </a:extLst>
          </p:cNvPr>
          <p:cNvSpPr>
            <a:spLocks noGrp="1"/>
          </p:cNvSpPr>
          <p:nvPr>
            <p:ph type="ftr" sz="quarter" idx="14"/>
          </p:nvPr>
        </p:nvSpPr>
        <p:spPr/>
        <p:txBody>
          <a:bodyPr/>
          <a:lstStyle/>
          <a:p>
            <a:pPr algn="r"/>
            <a:r>
              <a:rPr lang="en-US"/>
              <a:t>Technology for a better society</a:t>
            </a:r>
            <a:endParaRPr lang="nb-NO"/>
          </a:p>
        </p:txBody>
      </p:sp>
      <p:sp>
        <p:nvSpPr>
          <p:cNvPr id="5" name="Slide Number Placeholder 4">
            <a:extLst>
              <a:ext uri="{FF2B5EF4-FFF2-40B4-BE49-F238E27FC236}">
                <a16:creationId xmlns:a16="http://schemas.microsoft.com/office/drawing/2014/main" id="{E0298708-0E76-B8DB-8A03-D4F4C16072A8}"/>
              </a:ext>
            </a:extLst>
          </p:cNvPr>
          <p:cNvSpPr>
            <a:spLocks noGrp="1"/>
          </p:cNvSpPr>
          <p:nvPr>
            <p:ph type="sldNum" sz="quarter" idx="15"/>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201778374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5" y="379964"/>
            <a:ext cx="93692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3" name="Date Placeholder 2">
            <a:extLst>
              <a:ext uri="{FF2B5EF4-FFF2-40B4-BE49-F238E27FC236}">
                <a16:creationId xmlns:a16="http://schemas.microsoft.com/office/drawing/2014/main" id="{203F8D64-F93E-F455-32CE-3A57D80E9D70}"/>
              </a:ext>
            </a:extLst>
          </p:cNvPr>
          <p:cNvSpPr>
            <a:spLocks noGrp="1"/>
          </p:cNvSpPr>
          <p:nvPr>
            <p:ph type="dt" sz="half" idx="13"/>
          </p:nvPr>
        </p:nvSpPr>
        <p:spPr/>
        <p:txBody>
          <a:bodyPr/>
          <a:lstStyle/>
          <a:p>
            <a:endParaRPr lang="en-GB"/>
          </a:p>
        </p:txBody>
      </p:sp>
      <p:sp>
        <p:nvSpPr>
          <p:cNvPr id="4" name="Footer Placeholder 3">
            <a:extLst>
              <a:ext uri="{FF2B5EF4-FFF2-40B4-BE49-F238E27FC236}">
                <a16:creationId xmlns:a16="http://schemas.microsoft.com/office/drawing/2014/main" id="{4FFE5EF0-15AE-3421-AC6F-1ADC80407060}"/>
              </a:ext>
            </a:extLst>
          </p:cNvPr>
          <p:cNvSpPr>
            <a:spLocks noGrp="1"/>
          </p:cNvSpPr>
          <p:nvPr>
            <p:ph type="ftr" sz="quarter" idx="14"/>
          </p:nvPr>
        </p:nvSpPr>
        <p:spPr/>
        <p:txBody>
          <a:bodyPr/>
          <a:lstStyle/>
          <a:p>
            <a:pPr algn="r"/>
            <a:r>
              <a:rPr lang="en-US"/>
              <a:t>Technology for a better society</a:t>
            </a:r>
            <a:endParaRPr lang="nb-NO"/>
          </a:p>
        </p:txBody>
      </p:sp>
      <p:sp>
        <p:nvSpPr>
          <p:cNvPr id="5" name="Slide Number Placeholder 4">
            <a:extLst>
              <a:ext uri="{FF2B5EF4-FFF2-40B4-BE49-F238E27FC236}">
                <a16:creationId xmlns:a16="http://schemas.microsoft.com/office/drawing/2014/main" id="{E0298708-0E76-B8DB-8A03-D4F4C16072A8}"/>
              </a:ext>
            </a:extLst>
          </p:cNvPr>
          <p:cNvSpPr>
            <a:spLocks noGrp="1"/>
          </p:cNvSpPr>
          <p:nvPr>
            <p:ph type="sldNum" sz="quarter" idx="15"/>
          </p:nvPr>
        </p:nvSpPr>
        <p:spPr/>
        <p:txBody>
          <a:bodyPr/>
          <a:lstStyle/>
          <a:p>
            <a:fld id="{8BBD0072-14BB-4BD4-ABEF-A76685C831B5}" type="slidenum">
              <a:rPr lang="en-GB" smtClean="0"/>
              <a:pPr/>
              <a:t>‹#›</a:t>
            </a:fld>
            <a:endParaRPr lang="en-GB"/>
          </a:p>
        </p:txBody>
      </p:sp>
      <p:sp>
        <p:nvSpPr>
          <p:cNvPr id="8" name="Content Placeholder 2">
            <a:extLst>
              <a:ext uri="{FF2B5EF4-FFF2-40B4-BE49-F238E27FC236}">
                <a16:creationId xmlns:a16="http://schemas.microsoft.com/office/drawing/2014/main" id="{BE0BDC41-E50E-CACD-3107-AFB3314F7234}"/>
              </a:ext>
            </a:extLst>
          </p:cNvPr>
          <p:cNvSpPr>
            <a:spLocks noGrp="1"/>
          </p:cNvSpPr>
          <p:nvPr>
            <p:ph idx="1" hasCustomPrompt="1"/>
          </p:nvPr>
        </p:nvSpPr>
        <p:spPr>
          <a:xfrm>
            <a:off x="758189" y="2259018"/>
            <a:ext cx="10713721" cy="3910012"/>
          </a:xfrm>
        </p:spPr>
        <p:txBody>
          <a:bodyPr/>
          <a:lstStyle>
            <a:lvl1pPr>
              <a:defRPr/>
            </a:lvl1p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200718612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p>
        </p:txBody>
      </p:sp>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5" y="379964"/>
            <a:ext cx="4031018"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hasCustomPrompt="1"/>
          </p:nvPr>
        </p:nvSpPr>
        <p:spPr>
          <a:xfrm>
            <a:off x="758190" y="2259018"/>
            <a:ext cx="5375472" cy="3910012"/>
          </a:xfrm>
        </p:spPr>
        <p:txBody>
          <a:bodyPr/>
          <a:lstStyle>
            <a:lvl1pPr>
              <a:defRPr/>
            </a:lvl1p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p>
        </p:txBody>
      </p:sp>
      <p:sp>
        <p:nvSpPr>
          <p:cNvPr id="11" name="Slide Number Placeholder 5">
            <a:extLst>
              <a:ext uri="{FF2B5EF4-FFF2-40B4-BE49-F238E27FC236}">
                <a16:creationId xmlns:a16="http://schemas.microsoft.com/office/drawing/2014/main" id="{5C7DF1C5-A62B-48F2-8482-9AFA5987E96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
        <p:nvSpPr>
          <p:cNvPr id="4" name="Date Placeholder 3">
            <a:extLst>
              <a:ext uri="{FF2B5EF4-FFF2-40B4-BE49-F238E27FC236}">
                <a16:creationId xmlns:a16="http://schemas.microsoft.com/office/drawing/2014/main" id="{D8384D90-5C07-187A-A1B0-2BE2AA4E3B13}"/>
              </a:ext>
            </a:extLst>
          </p:cNvPr>
          <p:cNvSpPr>
            <a:spLocks noGrp="1"/>
          </p:cNvSpPr>
          <p:nvPr>
            <p:ph type="dt" sz="half" idx="14"/>
          </p:nvPr>
        </p:nvSpPr>
        <p:spPr/>
        <p:txBody>
          <a:bodyPr/>
          <a:lstStyle/>
          <a:p>
            <a:endParaRPr lang="en-GB"/>
          </a:p>
        </p:txBody>
      </p:sp>
      <p:sp>
        <p:nvSpPr>
          <p:cNvPr id="5" name="Footer Placeholder 4">
            <a:extLst>
              <a:ext uri="{FF2B5EF4-FFF2-40B4-BE49-F238E27FC236}">
                <a16:creationId xmlns:a16="http://schemas.microsoft.com/office/drawing/2014/main" id="{D03A824F-C3C0-D97F-72E5-E9754DEF17F3}"/>
              </a:ext>
            </a:extLst>
          </p:cNvPr>
          <p:cNvSpPr>
            <a:spLocks noGrp="1"/>
          </p:cNvSpPr>
          <p:nvPr>
            <p:ph type="ftr" sz="quarter" idx="15"/>
          </p:nvPr>
        </p:nvSpPr>
        <p:spPr/>
        <p:txBody>
          <a:bodyPr/>
          <a:lstStyle/>
          <a:p>
            <a:pPr algn="r"/>
            <a:r>
              <a:rPr lang="en-US"/>
              <a:t>Technology for a better society</a:t>
            </a:r>
            <a:endParaRPr lang="nb-NO"/>
          </a:p>
        </p:txBody>
      </p:sp>
    </p:spTree>
    <p:extLst>
      <p:ext uri="{BB962C8B-B14F-4D97-AF65-F5344CB8AC3E}">
        <p14:creationId xmlns:p14="http://schemas.microsoft.com/office/powerpoint/2010/main" val="54553233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8" name="Slide Number Placeholder 5">
            <a:extLst>
              <a:ext uri="{FF2B5EF4-FFF2-40B4-BE49-F238E27FC236}">
                <a16:creationId xmlns:a16="http://schemas.microsoft.com/office/drawing/2014/main" id="{55B705F1-BD8F-4927-980D-9E3C23775A5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
        <p:nvSpPr>
          <p:cNvPr id="3" name="Date Placeholder 2">
            <a:extLst>
              <a:ext uri="{FF2B5EF4-FFF2-40B4-BE49-F238E27FC236}">
                <a16:creationId xmlns:a16="http://schemas.microsoft.com/office/drawing/2014/main" id="{897CFCE9-BBA5-0866-3CA6-D7F8D6463530}"/>
              </a:ext>
            </a:extLst>
          </p:cNvPr>
          <p:cNvSpPr>
            <a:spLocks noGrp="1"/>
          </p:cNvSpPr>
          <p:nvPr>
            <p:ph type="dt" sz="half" idx="15"/>
          </p:nvPr>
        </p:nvSpPr>
        <p:spPr/>
        <p:txBody>
          <a:bodyPr/>
          <a:lstStyle/>
          <a:p>
            <a:endParaRPr lang="en-GB"/>
          </a:p>
        </p:txBody>
      </p:sp>
      <p:sp>
        <p:nvSpPr>
          <p:cNvPr id="4" name="Footer Placeholder 3">
            <a:extLst>
              <a:ext uri="{FF2B5EF4-FFF2-40B4-BE49-F238E27FC236}">
                <a16:creationId xmlns:a16="http://schemas.microsoft.com/office/drawing/2014/main" id="{117BBB58-110D-CC18-BEEE-93632D37B7D7}"/>
              </a:ext>
            </a:extLst>
          </p:cNvPr>
          <p:cNvSpPr>
            <a:spLocks noGrp="1"/>
          </p:cNvSpPr>
          <p:nvPr>
            <p:ph type="ftr" sz="quarter" idx="16"/>
          </p:nvPr>
        </p:nvSpPr>
        <p:spPr/>
        <p:txBody>
          <a:bodyPr/>
          <a:lstStyle/>
          <a:p>
            <a:pPr algn="r"/>
            <a:r>
              <a:rPr lang="en-US"/>
              <a:t>Technology for a better society</a:t>
            </a:r>
            <a:endParaRPr lang="nb-NO"/>
          </a:p>
        </p:txBody>
      </p:sp>
    </p:spTree>
    <p:extLst>
      <p:ext uri="{BB962C8B-B14F-4D97-AF65-F5344CB8AC3E}">
        <p14:creationId xmlns:p14="http://schemas.microsoft.com/office/powerpoint/2010/main" val="138491850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660400"/>
            <a:ext cx="5149124"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hasCustomPrompt="1"/>
          </p:nvPr>
        </p:nvSpPr>
        <p:spPr>
          <a:xfrm>
            <a:off x="6360884" y="2660400"/>
            <a:ext cx="5149126"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5149124" cy="463550"/>
          </a:xfrm>
        </p:spPr>
        <p:txBody>
          <a:bodyPr anchor="ctr">
            <a:normAutofit/>
          </a:bodyPr>
          <a:lstStyle>
            <a:lvl1pPr marL="0" indent="0">
              <a:buNone/>
              <a:defRPr sz="2400" b="1">
                <a:solidFill>
                  <a:schemeClr val="bg1"/>
                </a:solidFill>
                <a:latin typeface="+mj-lt"/>
              </a:defRPr>
            </a:lvl1pPr>
          </a:lstStyle>
          <a:p>
            <a:pPr lvl="0"/>
            <a:r>
              <a:rPr lang="en-US"/>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6360882" y="1915200"/>
            <a:ext cx="5149127"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5" name="Date Placeholder 4">
            <a:extLst>
              <a:ext uri="{FF2B5EF4-FFF2-40B4-BE49-F238E27FC236}">
                <a16:creationId xmlns:a16="http://schemas.microsoft.com/office/drawing/2014/main" id="{1D1AA37A-999E-4B4B-2724-8437570614C1}"/>
              </a:ext>
            </a:extLst>
          </p:cNvPr>
          <p:cNvSpPr>
            <a:spLocks noGrp="1"/>
          </p:cNvSpPr>
          <p:nvPr>
            <p:ph type="dt" sz="half" idx="19"/>
          </p:nvPr>
        </p:nvSpPr>
        <p:spPr/>
        <p:txBody>
          <a:bodyPr/>
          <a:lstStyle/>
          <a:p>
            <a:endParaRPr lang="en-GB"/>
          </a:p>
        </p:txBody>
      </p:sp>
      <p:sp>
        <p:nvSpPr>
          <p:cNvPr id="8" name="Footer Placeholder 7">
            <a:extLst>
              <a:ext uri="{FF2B5EF4-FFF2-40B4-BE49-F238E27FC236}">
                <a16:creationId xmlns:a16="http://schemas.microsoft.com/office/drawing/2014/main" id="{E4425A62-A728-75FE-931A-03CC26640056}"/>
              </a:ext>
            </a:extLst>
          </p:cNvPr>
          <p:cNvSpPr>
            <a:spLocks noGrp="1"/>
          </p:cNvSpPr>
          <p:nvPr>
            <p:ph type="ftr" sz="quarter" idx="20"/>
          </p:nvPr>
        </p:nvSpPr>
        <p:spPr/>
        <p:txBody>
          <a:bodyPr/>
          <a:lstStyle/>
          <a:p>
            <a:pPr algn="r"/>
            <a:r>
              <a:rPr lang="en-US"/>
              <a:t>Technology for a better society</a:t>
            </a:r>
            <a:endParaRPr lang="nb-NO"/>
          </a:p>
        </p:txBody>
      </p:sp>
      <p:sp>
        <p:nvSpPr>
          <p:cNvPr id="10" name="Slide Number Placeholder 9">
            <a:extLst>
              <a:ext uri="{FF2B5EF4-FFF2-40B4-BE49-F238E27FC236}">
                <a16:creationId xmlns:a16="http://schemas.microsoft.com/office/drawing/2014/main" id="{86C1D3CE-7FE4-8303-C7D1-E78F3DB6736D}"/>
              </a:ext>
            </a:extLst>
          </p:cNvPr>
          <p:cNvSpPr>
            <a:spLocks noGrp="1"/>
          </p:cNvSpPr>
          <p:nvPr>
            <p:ph type="sldNum" sz="quarter" idx="21"/>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29571068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660399"/>
            <a:ext cx="3064510" cy="3508629"/>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4601845" y="2660399"/>
            <a:ext cx="3064510" cy="3508629"/>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hasCustomPrompt="1"/>
          </p:nvPr>
        </p:nvSpPr>
        <p:spPr>
          <a:xfrm>
            <a:off x="8445500" y="2660400"/>
            <a:ext cx="3064510"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3064510"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4601845" y="1915200"/>
            <a:ext cx="3064510"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8445500" y="1915200"/>
            <a:ext cx="3064510"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5" name="Date Placeholder 4">
            <a:extLst>
              <a:ext uri="{FF2B5EF4-FFF2-40B4-BE49-F238E27FC236}">
                <a16:creationId xmlns:a16="http://schemas.microsoft.com/office/drawing/2014/main" id="{50B8FCF5-3E95-1E3F-285C-C5DAF7CA64A8}"/>
              </a:ext>
            </a:extLst>
          </p:cNvPr>
          <p:cNvSpPr>
            <a:spLocks noGrp="1"/>
          </p:cNvSpPr>
          <p:nvPr>
            <p:ph type="dt" sz="half" idx="19"/>
          </p:nvPr>
        </p:nvSpPr>
        <p:spPr/>
        <p:txBody>
          <a:bodyPr/>
          <a:lstStyle/>
          <a:p>
            <a:endParaRPr lang="en-GB"/>
          </a:p>
        </p:txBody>
      </p:sp>
      <p:sp>
        <p:nvSpPr>
          <p:cNvPr id="8" name="Footer Placeholder 7">
            <a:extLst>
              <a:ext uri="{FF2B5EF4-FFF2-40B4-BE49-F238E27FC236}">
                <a16:creationId xmlns:a16="http://schemas.microsoft.com/office/drawing/2014/main" id="{BE52C034-A4ED-559F-F96D-A58145243BF3}"/>
              </a:ext>
            </a:extLst>
          </p:cNvPr>
          <p:cNvSpPr>
            <a:spLocks noGrp="1"/>
          </p:cNvSpPr>
          <p:nvPr>
            <p:ph type="ftr" sz="quarter" idx="20"/>
          </p:nvPr>
        </p:nvSpPr>
        <p:spPr/>
        <p:txBody>
          <a:bodyPr/>
          <a:lstStyle/>
          <a:p>
            <a:pPr algn="r"/>
            <a:r>
              <a:rPr lang="en-US"/>
              <a:t>Technology for a better society</a:t>
            </a:r>
            <a:endParaRPr lang="nb-NO"/>
          </a:p>
        </p:txBody>
      </p:sp>
      <p:sp>
        <p:nvSpPr>
          <p:cNvPr id="12" name="Slide Number Placeholder 11">
            <a:extLst>
              <a:ext uri="{FF2B5EF4-FFF2-40B4-BE49-F238E27FC236}">
                <a16:creationId xmlns:a16="http://schemas.microsoft.com/office/drawing/2014/main" id="{C39BAE2E-9E4C-7793-750D-A6DE6203DC98}"/>
              </a:ext>
            </a:extLst>
          </p:cNvPr>
          <p:cNvSpPr>
            <a:spLocks noGrp="1"/>
          </p:cNvSpPr>
          <p:nvPr>
            <p:ph type="sldNum" sz="quarter" idx="21"/>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243682131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2231753"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3594819" y="1915200"/>
            <a:ext cx="2231753"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6431448" y="1915200"/>
            <a:ext cx="2231753"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278257" y="1915200"/>
            <a:ext cx="2231753" cy="463550"/>
          </a:xfrm>
        </p:spPr>
        <p:txBody>
          <a:bodyPr anchor="ctr">
            <a:normAutofit/>
          </a:bodyPr>
          <a:lstStyle>
            <a:lvl1pPr marL="0" indent="0">
              <a:buNone/>
              <a:defRPr sz="24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hasCustomPrompt="1"/>
          </p:nvPr>
        </p:nvSpPr>
        <p:spPr>
          <a:xfrm>
            <a:off x="3594819"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hasCustomPrompt="1"/>
          </p:nvPr>
        </p:nvSpPr>
        <p:spPr>
          <a:xfrm>
            <a:off x="6431448"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hasCustomPrompt="1"/>
          </p:nvPr>
        </p:nvSpPr>
        <p:spPr>
          <a:xfrm>
            <a:off x="9278257"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5" name="Date Placeholder 4">
            <a:extLst>
              <a:ext uri="{FF2B5EF4-FFF2-40B4-BE49-F238E27FC236}">
                <a16:creationId xmlns:a16="http://schemas.microsoft.com/office/drawing/2014/main" id="{BA3F1B26-92FF-A9B2-0541-1DEC971DB688}"/>
              </a:ext>
            </a:extLst>
          </p:cNvPr>
          <p:cNvSpPr>
            <a:spLocks noGrp="1"/>
          </p:cNvSpPr>
          <p:nvPr>
            <p:ph type="dt" sz="half" idx="24"/>
          </p:nvPr>
        </p:nvSpPr>
        <p:spPr/>
        <p:txBody>
          <a:bodyPr/>
          <a:lstStyle/>
          <a:p>
            <a:endParaRPr lang="en-GB"/>
          </a:p>
        </p:txBody>
      </p:sp>
      <p:sp>
        <p:nvSpPr>
          <p:cNvPr id="7" name="Footer Placeholder 6">
            <a:extLst>
              <a:ext uri="{FF2B5EF4-FFF2-40B4-BE49-F238E27FC236}">
                <a16:creationId xmlns:a16="http://schemas.microsoft.com/office/drawing/2014/main" id="{BEFE7DC1-8478-58B2-2E38-EE7D42E662B5}"/>
              </a:ext>
            </a:extLst>
          </p:cNvPr>
          <p:cNvSpPr>
            <a:spLocks noGrp="1"/>
          </p:cNvSpPr>
          <p:nvPr>
            <p:ph type="ftr" sz="quarter" idx="25"/>
          </p:nvPr>
        </p:nvSpPr>
        <p:spPr/>
        <p:txBody>
          <a:bodyPr/>
          <a:lstStyle/>
          <a:p>
            <a:pPr algn="r"/>
            <a:r>
              <a:rPr lang="en-US"/>
              <a:t>Technology for a better society</a:t>
            </a:r>
            <a:endParaRPr lang="nb-NO"/>
          </a:p>
        </p:txBody>
      </p:sp>
      <p:sp>
        <p:nvSpPr>
          <p:cNvPr id="8" name="Slide Number Placeholder 7">
            <a:extLst>
              <a:ext uri="{FF2B5EF4-FFF2-40B4-BE49-F238E27FC236}">
                <a16:creationId xmlns:a16="http://schemas.microsoft.com/office/drawing/2014/main" id="{A559A295-0954-EEFE-FD6A-BBA04AA836B4}"/>
              </a:ext>
            </a:extLst>
          </p:cNvPr>
          <p:cNvSpPr>
            <a:spLocks noGrp="1"/>
          </p:cNvSpPr>
          <p:nvPr>
            <p:ph type="sldNum" sz="quarter" idx="26"/>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2993048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0"/>
            <a:ext cx="12192000" cy="6858000"/>
          </a:xfr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Text Placeholder 2">
            <a:extLst>
              <a:ext uri="{FF2B5EF4-FFF2-40B4-BE49-F238E27FC236}">
                <a16:creationId xmlns:a16="http://schemas.microsoft.com/office/drawing/2014/main" id="{45E681C5-2E1A-4844-89DA-ACB28B04EDD6}"/>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4" name="Subtitle 2">
            <a:extLst>
              <a:ext uri="{FF2B5EF4-FFF2-40B4-BE49-F238E27FC236}">
                <a16:creationId xmlns:a16="http://schemas.microsoft.com/office/drawing/2014/main" id="{9D8E8E2B-3F64-4903-BA11-88E076433FB6}"/>
              </a:ext>
            </a:extLst>
          </p:cNvPr>
          <p:cNvSpPr>
            <a:spLocks noGrp="1"/>
          </p:cNvSpPr>
          <p:nvPr>
            <p:ph type="subTitle" idx="1" hasCustomPrompt="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err="1"/>
              <a:t>Click</a:t>
            </a:r>
            <a:r>
              <a:rPr lang="nb-NO"/>
              <a:t> to </a:t>
            </a:r>
            <a:r>
              <a:rPr lang="nb-NO" err="1"/>
              <a:t>add</a:t>
            </a:r>
            <a:r>
              <a:rPr lang="nb-NO"/>
              <a:t> </a:t>
            </a:r>
            <a:r>
              <a:rPr lang="nb-NO" err="1"/>
              <a:t>subtitle</a:t>
            </a:r>
            <a:endParaRPr lang="nb-NO"/>
          </a:p>
        </p:txBody>
      </p:sp>
      <p:sp>
        <p:nvSpPr>
          <p:cNvPr id="15" name="Title 1">
            <a:extLst>
              <a:ext uri="{FF2B5EF4-FFF2-40B4-BE49-F238E27FC236}">
                <a16:creationId xmlns:a16="http://schemas.microsoft.com/office/drawing/2014/main" id="{4F918834-87D5-450E-9F18-8DFFE8EF3E4E}"/>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a:t>Short </a:t>
            </a:r>
            <a:r>
              <a:rPr lang="nb-NO" err="1"/>
              <a:t>title</a:t>
            </a:r>
            <a:endParaRPr lang="nb-NO"/>
          </a:p>
        </p:txBody>
      </p:sp>
      <p:sp>
        <p:nvSpPr>
          <p:cNvPr id="11" name="Footer Placeholder 7">
            <a:extLst>
              <a:ext uri="{FF2B5EF4-FFF2-40B4-BE49-F238E27FC236}">
                <a16:creationId xmlns:a16="http://schemas.microsoft.com/office/drawing/2014/main" id="{8A8CCE27-0A01-78FC-03C9-52789761530C}"/>
              </a:ext>
            </a:extLst>
          </p:cNvPr>
          <p:cNvSpPr>
            <a:spLocks noGrp="1"/>
          </p:cNvSpPr>
          <p:nvPr>
            <p:ph type="ftr" sz="quarter" idx="22"/>
          </p:nvPr>
        </p:nvSpPr>
        <p:spPr>
          <a:xfrm>
            <a:off x="8022498" y="6354538"/>
            <a:ext cx="3488120" cy="193899"/>
          </a:xfrm>
        </p:spPr>
        <p:txBody>
          <a:bodyPr/>
          <a:lstStyle>
            <a:lvl1pPr>
              <a:defRPr>
                <a:solidFill>
                  <a:schemeClr val="bg1"/>
                </a:solidFill>
              </a:defRPr>
            </a:lvl1pPr>
          </a:lstStyle>
          <a:p>
            <a:r>
              <a:rPr lang="en-US"/>
              <a:t>Technology for a better society</a:t>
            </a:r>
            <a:endParaRPr lang="nb-NO"/>
          </a:p>
        </p:txBody>
      </p:sp>
      <p:sp>
        <p:nvSpPr>
          <p:cNvPr id="12" name="Slide Number Placeholder 9">
            <a:extLst>
              <a:ext uri="{FF2B5EF4-FFF2-40B4-BE49-F238E27FC236}">
                <a16:creationId xmlns:a16="http://schemas.microsoft.com/office/drawing/2014/main" id="{56D8A41F-02FF-3563-B403-D55BAB885E5E}"/>
              </a:ext>
            </a:extLst>
          </p:cNvPr>
          <p:cNvSpPr>
            <a:spLocks noGrp="1"/>
          </p:cNvSpPr>
          <p:nvPr>
            <p:ph type="sldNum" sz="quarter" idx="23"/>
          </p:nvPr>
        </p:nvSpPr>
        <p:spPr>
          <a:xfrm>
            <a:off x="720089" y="6354535"/>
            <a:ext cx="3424012" cy="215444"/>
          </a:xfrm>
        </p:spPr>
        <p:txBody>
          <a:bodyPr/>
          <a:lstStyle>
            <a:lvl1pPr>
              <a:defRPr>
                <a:solidFill>
                  <a:schemeClr val="bg1"/>
                </a:solidFill>
              </a:defRPr>
            </a:lvl1pPr>
          </a:lstStyle>
          <a:p>
            <a:fld id="{B28577EF-26A1-4248-AC55-7ADFDAB26891}" type="slidenum">
              <a:rPr lang="en-GB" smtClean="0"/>
              <a:pPr/>
              <a:t>‹#›</a:t>
            </a:fld>
            <a:endParaRPr lang="en-GB"/>
          </a:p>
        </p:txBody>
      </p:sp>
    </p:spTree>
    <p:extLst>
      <p:ext uri="{BB962C8B-B14F-4D97-AF65-F5344CB8AC3E}">
        <p14:creationId xmlns:p14="http://schemas.microsoft.com/office/powerpoint/2010/main" val="31911632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191520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191520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191520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191520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191520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hasCustomPrompt="1"/>
          </p:nvPr>
        </p:nvSpPr>
        <p:spPr>
          <a:xfrm>
            <a:off x="758191"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hasCustomPrompt="1"/>
          </p:nvPr>
        </p:nvSpPr>
        <p:spPr>
          <a:xfrm>
            <a:off x="2981389"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hasCustomPrompt="1"/>
          </p:nvPr>
        </p:nvSpPr>
        <p:spPr>
          <a:xfrm>
            <a:off x="5204587"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hasCustomPrompt="1"/>
          </p:nvPr>
        </p:nvSpPr>
        <p:spPr>
          <a:xfrm>
            <a:off x="7427785"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hasCustomPrompt="1"/>
          </p:nvPr>
        </p:nvSpPr>
        <p:spPr>
          <a:xfrm>
            <a:off x="9650983"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5" name="Date Placeholder 4">
            <a:extLst>
              <a:ext uri="{FF2B5EF4-FFF2-40B4-BE49-F238E27FC236}">
                <a16:creationId xmlns:a16="http://schemas.microsoft.com/office/drawing/2014/main" id="{9927C87B-5930-D9C7-21C7-2F59B7E05AE4}"/>
              </a:ext>
            </a:extLst>
          </p:cNvPr>
          <p:cNvSpPr>
            <a:spLocks noGrp="1"/>
          </p:cNvSpPr>
          <p:nvPr>
            <p:ph type="dt" sz="half" idx="27"/>
          </p:nvPr>
        </p:nvSpPr>
        <p:spPr/>
        <p:txBody>
          <a:bodyPr/>
          <a:lstStyle/>
          <a:p>
            <a:endParaRPr lang="en-GB"/>
          </a:p>
        </p:txBody>
      </p:sp>
      <p:sp>
        <p:nvSpPr>
          <p:cNvPr id="7" name="Footer Placeholder 6">
            <a:extLst>
              <a:ext uri="{FF2B5EF4-FFF2-40B4-BE49-F238E27FC236}">
                <a16:creationId xmlns:a16="http://schemas.microsoft.com/office/drawing/2014/main" id="{9A81DBD8-2D30-328C-7D43-259AE529787C}"/>
              </a:ext>
            </a:extLst>
          </p:cNvPr>
          <p:cNvSpPr>
            <a:spLocks noGrp="1"/>
          </p:cNvSpPr>
          <p:nvPr>
            <p:ph type="ftr" sz="quarter" idx="28"/>
          </p:nvPr>
        </p:nvSpPr>
        <p:spPr/>
        <p:txBody>
          <a:bodyPr/>
          <a:lstStyle/>
          <a:p>
            <a:pPr algn="r"/>
            <a:r>
              <a:rPr lang="en-US"/>
              <a:t>Technology for a better society</a:t>
            </a:r>
            <a:endParaRPr lang="nb-NO"/>
          </a:p>
        </p:txBody>
      </p:sp>
      <p:sp>
        <p:nvSpPr>
          <p:cNvPr id="8" name="Slide Number Placeholder 7">
            <a:extLst>
              <a:ext uri="{FF2B5EF4-FFF2-40B4-BE49-F238E27FC236}">
                <a16:creationId xmlns:a16="http://schemas.microsoft.com/office/drawing/2014/main" id="{A78DC7CE-05BD-5583-D019-652274D72538}"/>
              </a:ext>
            </a:extLst>
          </p:cNvPr>
          <p:cNvSpPr>
            <a:spLocks noGrp="1"/>
          </p:cNvSpPr>
          <p:nvPr>
            <p:ph type="sldNum" sz="quarter" idx="29"/>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321888847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hasCustomPrompt="1"/>
          </p:nvPr>
        </p:nvSpPr>
        <p:spPr>
          <a:xfrm>
            <a:off x="758189" y="225901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hasCustomPrompt="1"/>
          </p:nvPr>
        </p:nvSpPr>
        <p:spPr>
          <a:xfrm>
            <a:off x="758189" y="420192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hasCustomPrompt="1"/>
          </p:nvPr>
        </p:nvSpPr>
        <p:spPr>
          <a:xfrm>
            <a:off x="6360882" y="2259018"/>
            <a:ext cx="5111026"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hasCustomPrompt="1"/>
          </p:nvPr>
        </p:nvSpPr>
        <p:spPr>
          <a:xfrm>
            <a:off x="6360883" y="4201928"/>
            <a:ext cx="5111026" cy="1489254"/>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5" name="Date Placeholder 4">
            <a:extLst>
              <a:ext uri="{FF2B5EF4-FFF2-40B4-BE49-F238E27FC236}">
                <a16:creationId xmlns:a16="http://schemas.microsoft.com/office/drawing/2014/main" id="{A8A3A639-6ED5-7B72-66AE-00BF199DFF6E}"/>
              </a:ext>
            </a:extLst>
          </p:cNvPr>
          <p:cNvSpPr>
            <a:spLocks noGrp="1"/>
          </p:cNvSpPr>
          <p:nvPr>
            <p:ph type="dt" sz="half" idx="23"/>
          </p:nvPr>
        </p:nvSpPr>
        <p:spPr/>
        <p:txBody>
          <a:bodyPr/>
          <a:lstStyle/>
          <a:p>
            <a:endParaRPr lang="en-GB"/>
          </a:p>
        </p:txBody>
      </p:sp>
      <p:sp>
        <p:nvSpPr>
          <p:cNvPr id="6" name="Footer Placeholder 5">
            <a:extLst>
              <a:ext uri="{FF2B5EF4-FFF2-40B4-BE49-F238E27FC236}">
                <a16:creationId xmlns:a16="http://schemas.microsoft.com/office/drawing/2014/main" id="{E8A22D10-4D31-01D9-103E-2D712C007ED3}"/>
              </a:ext>
            </a:extLst>
          </p:cNvPr>
          <p:cNvSpPr>
            <a:spLocks noGrp="1"/>
          </p:cNvSpPr>
          <p:nvPr>
            <p:ph type="ftr" sz="quarter" idx="24"/>
          </p:nvPr>
        </p:nvSpPr>
        <p:spPr/>
        <p:txBody>
          <a:body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AC64A305-1F05-F5FA-DD2A-6B6B8651E441}"/>
              </a:ext>
            </a:extLst>
          </p:cNvPr>
          <p:cNvSpPr>
            <a:spLocks noGrp="1"/>
          </p:cNvSpPr>
          <p:nvPr>
            <p:ph type="sldNum" sz="quarter" idx="25"/>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61820902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r>
              <a:rPr lang="en-US"/>
              <a:t>Click to add 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hasCustomPrompt="1"/>
          </p:nvPr>
        </p:nvSpPr>
        <p:spPr>
          <a:xfrm>
            <a:off x="3565348"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marL="0" marR="0" lvl="0" indent="0" algn="ctr"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hasCustomPrompt="1"/>
          </p:nvPr>
        </p:nvSpPr>
        <p:spPr>
          <a:xfrm>
            <a:off x="6387315"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marL="0" marR="0" lvl="0" indent="0" algn="ctr"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hasCustomPrompt="1"/>
          </p:nvPr>
        </p:nvSpPr>
        <p:spPr>
          <a:xfrm>
            <a:off x="9221981"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marL="0" marR="0" lvl="0" indent="0" algn="ctr"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a:t>Text</a:t>
            </a:r>
          </a:p>
        </p:txBody>
      </p:sp>
      <p:sp>
        <p:nvSpPr>
          <p:cNvPr id="5" name="Date Placeholder 4">
            <a:extLst>
              <a:ext uri="{FF2B5EF4-FFF2-40B4-BE49-F238E27FC236}">
                <a16:creationId xmlns:a16="http://schemas.microsoft.com/office/drawing/2014/main" id="{1FCEFCA9-5C77-6FC7-C1D3-BDFAE7418E23}"/>
              </a:ext>
            </a:extLst>
          </p:cNvPr>
          <p:cNvSpPr>
            <a:spLocks noGrp="1"/>
          </p:cNvSpPr>
          <p:nvPr>
            <p:ph type="dt" sz="half" idx="34"/>
          </p:nvPr>
        </p:nvSpPr>
        <p:spPr/>
        <p:txBody>
          <a:bodyPr/>
          <a:lstStyle/>
          <a:p>
            <a:endParaRPr lang="en-GB"/>
          </a:p>
        </p:txBody>
      </p:sp>
      <p:sp>
        <p:nvSpPr>
          <p:cNvPr id="6" name="Footer Placeholder 5">
            <a:extLst>
              <a:ext uri="{FF2B5EF4-FFF2-40B4-BE49-F238E27FC236}">
                <a16:creationId xmlns:a16="http://schemas.microsoft.com/office/drawing/2014/main" id="{A38524EF-0C84-3C0E-79E7-854BF696A26F}"/>
              </a:ext>
            </a:extLst>
          </p:cNvPr>
          <p:cNvSpPr>
            <a:spLocks noGrp="1"/>
          </p:cNvSpPr>
          <p:nvPr>
            <p:ph type="ftr" sz="quarter" idx="35"/>
          </p:nvPr>
        </p:nvSpPr>
        <p:spPr/>
        <p:txBody>
          <a:body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8CFB7A33-319F-AA73-8D22-3EFD3252F619}"/>
              </a:ext>
            </a:extLst>
          </p:cNvPr>
          <p:cNvSpPr>
            <a:spLocks noGrp="1"/>
          </p:cNvSpPr>
          <p:nvPr>
            <p:ph type="sldNum" sz="quarter" idx="36"/>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641049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lvl="0"/>
            <a:r>
              <a:rPr lang="en-US" err="1"/>
              <a:t>En</a:t>
            </a:r>
            <a:r>
              <a:rPr lang="en-US"/>
              <a:t> </a:t>
            </a:r>
            <a:r>
              <a:rPr lang="en-US" err="1"/>
              <a:t>linje</a:t>
            </a:r>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5" name="Date Placeholder 4">
            <a:extLst>
              <a:ext uri="{FF2B5EF4-FFF2-40B4-BE49-F238E27FC236}">
                <a16:creationId xmlns:a16="http://schemas.microsoft.com/office/drawing/2014/main" id="{82F23B37-F05C-9266-FD9E-B10B59EA4B09}"/>
              </a:ext>
            </a:extLst>
          </p:cNvPr>
          <p:cNvSpPr>
            <a:spLocks noGrp="1"/>
          </p:cNvSpPr>
          <p:nvPr>
            <p:ph type="dt" sz="half" idx="48"/>
          </p:nvPr>
        </p:nvSpPr>
        <p:spPr/>
        <p:txBody>
          <a:bodyPr/>
          <a:lstStyle/>
          <a:p>
            <a:endParaRPr lang="en-GB"/>
          </a:p>
        </p:txBody>
      </p:sp>
      <p:sp>
        <p:nvSpPr>
          <p:cNvPr id="7" name="Footer Placeholder 6">
            <a:extLst>
              <a:ext uri="{FF2B5EF4-FFF2-40B4-BE49-F238E27FC236}">
                <a16:creationId xmlns:a16="http://schemas.microsoft.com/office/drawing/2014/main" id="{33128C07-C056-E07A-BE84-746A8766051B}"/>
              </a:ext>
            </a:extLst>
          </p:cNvPr>
          <p:cNvSpPr>
            <a:spLocks noGrp="1"/>
          </p:cNvSpPr>
          <p:nvPr>
            <p:ph type="ftr" sz="quarter" idx="49"/>
          </p:nvPr>
        </p:nvSpPr>
        <p:spPr/>
        <p:txBody>
          <a:bodyPr/>
          <a:lstStyle/>
          <a:p>
            <a:pPr algn="r"/>
            <a:r>
              <a:rPr lang="en-US"/>
              <a:t>Technology for a better society</a:t>
            </a:r>
            <a:endParaRPr lang="nb-NO"/>
          </a:p>
        </p:txBody>
      </p:sp>
      <p:sp>
        <p:nvSpPr>
          <p:cNvPr id="9" name="Slide Number Placeholder 8">
            <a:extLst>
              <a:ext uri="{FF2B5EF4-FFF2-40B4-BE49-F238E27FC236}">
                <a16:creationId xmlns:a16="http://schemas.microsoft.com/office/drawing/2014/main" id="{71D0DEC5-D1CD-5399-CDFF-E80E2575060F}"/>
              </a:ext>
            </a:extLst>
          </p:cNvPr>
          <p:cNvSpPr>
            <a:spLocks noGrp="1"/>
          </p:cNvSpPr>
          <p:nvPr>
            <p:ph type="sldNum" sz="quarter" idx="50"/>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332966352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4" name="Text Placeholder 7">
            <a:extLst>
              <a:ext uri="{FF2B5EF4-FFF2-40B4-BE49-F238E27FC236}">
                <a16:creationId xmlns:a16="http://schemas.microsoft.com/office/drawing/2014/main" id="{D9754A88-59FE-61BF-7D2B-6E43655B1722}"/>
              </a:ext>
            </a:extLst>
          </p:cNvPr>
          <p:cNvSpPr>
            <a:spLocks noGrp="1"/>
          </p:cNvSpPr>
          <p:nvPr>
            <p:ph type="body" sz="quarter" idx="23" hasCustomPrompt="1"/>
          </p:nvPr>
        </p:nvSpPr>
        <p:spPr>
          <a:xfrm>
            <a:off x="717981" y="1768759"/>
            <a:ext cx="2549094" cy="4248150"/>
          </a:xfrm>
          <a:prstGeom prst="roundRect">
            <a:avLst>
              <a:gd name="adj" fmla="val 9567"/>
            </a:avLst>
          </a:prstGeom>
          <a:solidFill>
            <a:srgbClr val="DB8784"/>
          </a:solidFill>
        </p:spPr>
        <p:txBody>
          <a:bodyPr lIns="72000" tIns="0" rIns="0" bIns="0" anchor="t"/>
          <a:lstStyle>
            <a:lvl1pPr marL="0" indent="0" algn="l">
              <a:buNone/>
              <a:defRPr sz="3000" b="1">
                <a:solidFill>
                  <a:schemeClr val="tx2"/>
                </a:solidFill>
                <a:latin typeface="+mj-lt"/>
              </a:defRPr>
            </a:lvl1pPr>
          </a:lstStyle>
          <a:p>
            <a:pPr lvl="0"/>
            <a:r>
              <a:rPr lang="en-US" err="1"/>
              <a:t>En</a:t>
            </a:r>
            <a:r>
              <a:rPr lang="en-US"/>
              <a:t> </a:t>
            </a:r>
            <a:r>
              <a:rPr lang="en-US" err="1"/>
              <a:t>linje</a:t>
            </a:r>
            <a:endParaRPr lang="en-US"/>
          </a:p>
        </p:txBody>
      </p:sp>
      <p:sp>
        <p:nvSpPr>
          <p:cNvPr id="15" name="Text Placeholder 7">
            <a:extLst>
              <a:ext uri="{FF2B5EF4-FFF2-40B4-BE49-F238E27FC236}">
                <a16:creationId xmlns:a16="http://schemas.microsoft.com/office/drawing/2014/main" id="{E76BA10D-9082-15DC-F04B-76C826DB02FA}"/>
              </a:ext>
            </a:extLst>
          </p:cNvPr>
          <p:cNvSpPr>
            <a:spLocks noGrp="1"/>
          </p:cNvSpPr>
          <p:nvPr>
            <p:ph type="body" sz="quarter" idx="37" hasCustomPrompt="1"/>
          </p:nvPr>
        </p:nvSpPr>
        <p:spPr>
          <a:xfrm>
            <a:off x="3465100" y="1768759"/>
            <a:ext cx="2549094" cy="4248150"/>
          </a:xfrm>
          <a:prstGeom prst="roundRect">
            <a:avLst>
              <a:gd name="adj" fmla="val 9567"/>
            </a:avLst>
          </a:prstGeom>
          <a:solidFill>
            <a:srgbClr val="EFCC6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17" name="Text Placeholder 7">
            <a:extLst>
              <a:ext uri="{FF2B5EF4-FFF2-40B4-BE49-F238E27FC236}">
                <a16:creationId xmlns:a16="http://schemas.microsoft.com/office/drawing/2014/main" id="{0E4E60F7-6972-8FCD-B395-F74B81915230}"/>
              </a:ext>
            </a:extLst>
          </p:cNvPr>
          <p:cNvSpPr>
            <a:spLocks noGrp="1"/>
          </p:cNvSpPr>
          <p:nvPr>
            <p:ph type="body" sz="quarter" idx="41" hasCustomPrompt="1"/>
          </p:nvPr>
        </p:nvSpPr>
        <p:spPr>
          <a:xfrm>
            <a:off x="6213062" y="1768759"/>
            <a:ext cx="2549094" cy="4248150"/>
          </a:xfrm>
          <a:prstGeom prst="roundRect">
            <a:avLst>
              <a:gd name="adj" fmla="val 9567"/>
            </a:avLst>
          </a:prstGeom>
          <a:solidFill>
            <a:srgbClr val="CDFAE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18" name="Text Placeholder 7">
            <a:extLst>
              <a:ext uri="{FF2B5EF4-FFF2-40B4-BE49-F238E27FC236}">
                <a16:creationId xmlns:a16="http://schemas.microsoft.com/office/drawing/2014/main" id="{C05A50BC-D84A-A4EA-E1A5-5EE8CD83F8F3}"/>
              </a:ext>
            </a:extLst>
          </p:cNvPr>
          <p:cNvSpPr>
            <a:spLocks noGrp="1"/>
          </p:cNvSpPr>
          <p:nvPr>
            <p:ph type="body" sz="quarter" idx="45" hasCustomPrompt="1"/>
          </p:nvPr>
        </p:nvSpPr>
        <p:spPr>
          <a:xfrm>
            <a:off x="8960916" y="1768759"/>
            <a:ext cx="2549094" cy="4248150"/>
          </a:xfrm>
          <a:prstGeom prst="roundRect">
            <a:avLst>
              <a:gd name="adj" fmla="val 9567"/>
            </a:avLst>
          </a:prstGeom>
          <a:solidFill>
            <a:srgbClr val="14B978"/>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877138" y="2351315"/>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add text</a:t>
            </a:r>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hasCustomPrompt="1"/>
          </p:nvPr>
        </p:nvSpPr>
        <p:spPr>
          <a:xfrm>
            <a:off x="3624257"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hasCustomPrompt="1"/>
          </p:nvPr>
        </p:nvSpPr>
        <p:spPr>
          <a:xfrm>
            <a:off x="6372219"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hasCustomPrompt="1"/>
          </p:nvPr>
        </p:nvSpPr>
        <p:spPr>
          <a:xfrm>
            <a:off x="9120073"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marL="0" marR="0" lvl="0" indent="0" algn="l" defTabSz="914400" rtl="0" eaLnBrk="1" fontAlgn="auto" latinLnBrk="0" hangingPunct="1">
              <a:lnSpc>
                <a:spcPct val="90000"/>
              </a:lnSpc>
              <a:spcBef>
                <a:spcPts val="1000"/>
              </a:spcBef>
              <a:spcAft>
                <a:spcPts val="0"/>
              </a:spcAft>
              <a:buClr>
                <a:schemeClr val="accent1"/>
              </a:buClr>
              <a:buSzPct val="100000"/>
              <a:buFont typeface="Arial" panose="020B0604020202020204" pitchFamily="34" charset="0"/>
              <a:buNone/>
              <a:tabLst/>
              <a:defRPr/>
            </a:pPr>
            <a:r>
              <a:rPr lang="en-US"/>
              <a:t>Click to add text</a:t>
            </a:r>
          </a:p>
        </p:txBody>
      </p:sp>
      <p:sp>
        <p:nvSpPr>
          <p:cNvPr id="5" name="Date Placeholder 4">
            <a:extLst>
              <a:ext uri="{FF2B5EF4-FFF2-40B4-BE49-F238E27FC236}">
                <a16:creationId xmlns:a16="http://schemas.microsoft.com/office/drawing/2014/main" id="{A169EA12-CBDD-220C-3C2A-C519FE62790A}"/>
              </a:ext>
            </a:extLst>
          </p:cNvPr>
          <p:cNvSpPr>
            <a:spLocks noGrp="1"/>
          </p:cNvSpPr>
          <p:nvPr>
            <p:ph type="dt" sz="half" idx="47"/>
          </p:nvPr>
        </p:nvSpPr>
        <p:spPr/>
        <p:txBody>
          <a:bodyPr/>
          <a:lstStyle/>
          <a:p>
            <a:endParaRPr lang="en-GB"/>
          </a:p>
        </p:txBody>
      </p:sp>
      <p:sp>
        <p:nvSpPr>
          <p:cNvPr id="6" name="Footer Placeholder 5">
            <a:extLst>
              <a:ext uri="{FF2B5EF4-FFF2-40B4-BE49-F238E27FC236}">
                <a16:creationId xmlns:a16="http://schemas.microsoft.com/office/drawing/2014/main" id="{F8CA962E-ABAE-5929-2A92-D8576AF6DE99}"/>
              </a:ext>
            </a:extLst>
          </p:cNvPr>
          <p:cNvSpPr>
            <a:spLocks noGrp="1"/>
          </p:cNvSpPr>
          <p:nvPr>
            <p:ph type="ftr" sz="quarter" idx="48"/>
          </p:nvPr>
        </p:nvSpPr>
        <p:spPr/>
        <p:txBody>
          <a:bodyPr/>
          <a:lstStyle/>
          <a:p>
            <a:pPr algn="r"/>
            <a:r>
              <a:rPr lang="en-US"/>
              <a:t>Technology for a better society</a:t>
            </a:r>
            <a:endParaRPr lang="nb-NO"/>
          </a:p>
        </p:txBody>
      </p:sp>
      <p:sp>
        <p:nvSpPr>
          <p:cNvPr id="7" name="Slide Number Placeholder 6">
            <a:extLst>
              <a:ext uri="{FF2B5EF4-FFF2-40B4-BE49-F238E27FC236}">
                <a16:creationId xmlns:a16="http://schemas.microsoft.com/office/drawing/2014/main" id="{C86735A2-746B-BB91-E28B-94EAE44743E6}"/>
              </a:ext>
            </a:extLst>
          </p:cNvPr>
          <p:cNvSpPr>
            <a:spLocks noGrp="1"/>
          </p:cNvSpPr>
          <p:nvPr>
            <p:ph type="sldNum" sz="quarter" idx="49"/>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12257124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9" name="Date Placeholder 8">
            <a:extLst>
              <a:ext uri="{FF2B5EF4-FFF2-40B4-BE49-F238E27FC236}">
                <a16:creationId xmlns:a16="http://schemas.microsoft.com/office/drawing/2014/main" id="{AF82568E-9680-BD27-1A10-0B3E8C200C2F}"/>
              </a:ext>
            </a:extLst>
          </p:cNvPr>
          <p:cNvSpPr>
            <a:spLocks noGrp="1"/>
          </p:cNvSpPr>
          <p:nvPr>
            <p:ph type="dt" sz="half" idx="10"/>
          </p:nvPr>
        </p:nvSpPr>
        <p:spPr/>
        <p:txBody>
          <a:bodyPr/>
          <a:lstStyle/>
          <a:p>
            <a:endParaRPr lang="en-GB"/>
          </a:p>
        </p:txBody>
      </p:sp>
      <p:sp>
        <p:nvSpPr>
          <p:cNvPr id="10" name="Footer Placeholder 9">
            <a:extLst>
              <a:ext uri="{FF2B5EF4-FFF2-40B4-BE49-F238E27FC236}">
                <a16:creationId xmlns:a16="http://schemas.microsoft.com/office/drawing/2014/main" id="{B943E699-9A98-54B8-82E7-94B0589AEB03}"/>
              </a:ext>
            </a:extLst>
          </p:cNvPr>
          <p:cNvSpPr>
            <a:spLocks noGrp="1"/>
          </p:cNvSpPr>
          <p:nvPr>
            <p:ph type="ftr" sz="quarter" idx="11"/>
          </p:nvPr>
        </p:nvSpPr>
        <p:spPr/>
        <p:txBody>
          <a:bodyPr/>
          <a:lstStyle/>
          <a:p>
            <a:pPr algn="r"/>
            <a:r>
              <a:rPr lang="en-US"/>
              <a:t>Technology for a better society</a:t>
            </a:r>
            <a:endParaRPr lang="nb-NO"/>
          </a:p>
        </p:txBody>
      </p:sp>
      <p:sp>
        <p:nvSpPr>
          <p:cNvPr id="11" name="Slide Number Placeholder 10">
            <a:extLst>
              <a:ext uri="{FF2B5EF4-FFF2-40B4-BE49-F238E27FC236}">
                <a16:creationId xmlns:a16="http://schemas.microsoft.com/office/drawing/2014/main" id="{4C8ADE25-D952-C453-F0A9-C5D4D8C66DD9}"/>
              </a:ext>
            </a:extLst>
          </p:cNvPr>
          <p:cNvSpPr>
            <a:spLocks noGrp="1"/>
          </p:cNvSpPr>
          <p:nvPr>
            <p:ph type="sldNum" sz="quarter" idx="12"/>
          </p:nvPr>
        </p:nvSpPr>
        <p:spPr/>
        <p:txBody>
          <a:bodyPr/>
          <a:lstStyle/>
          <a:p>
            <a:fld id="{8BBD0072-14BB-4BD4-ABEF-A76685C831B5}" type="slidenum">
              <a:rPr lang="en-GB" smtClean="0"/>
              <a:pPr/>
              <a:t>‹#›</a:t>
            </a:fld>
            <a:endParaRPr lang="en-GB"/>
          </a:p>
        </p:txBody>
      </p:sp>
    </p:spTree>
    <p:extLst>
      <p:ext uri="{BB962C8B-B14F-4D97-AF65-F5344CB8AC3E}">
        <p14:creationId xmlns:p14="http://schemas.microsoft.com/office/powerpoint/2010/main" val="150164089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16673740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2927713" y="2828835"/>
            <a:ext cx="6336575" cy="1200329"/>
          </a:xfrm>
        </p:spPr>
        <p:txBody>
          <a:bodyPr>
            <a:noAutofit/>
          </a:bodyPr>
          <a:lstStyle>
            <a:lvl1pPr algn="ctr">
              <a:defRPr sz="3800">
                <a:solidFill>
                  <a:schemeClr val="bg1"/>
                </a:solidFill>
              </a:defRPr>
            </a:lvl1pPr>
          </a:lstStyle>
          <a:p>
            <a:r>
              <a:rPr lang="nb-NO"/>
              <a:t>Technology for a </a:t>
            </a:r>
            <a:r>
              <a:rPr lang="nb-NO" err="1"/>
              <a:t>better</a:t>
            </a:r>
            <a:r>
              <a:rPr lang="nb-NO"/>
              <a:t> </a:t>
            </a:r>
            <a:r>
              <a:rPr lang="nb-NO" err="1"/>
              <a:t>society</a:t>
            </a:r>
            <a:endParaRPr lang="nb-NO"/>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79649069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Kapittel Blå">
    <p:bg>
      <p:bgPr>
        <a:solidFill>
          <a:schemeClr val="tx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hasCustomPrompt="1"/>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2261C583-FD5B-DD91-8170-84AAEB56302C}"/>
              </a:ext>
            </a:extLst>
          </p:cNvPr>
          <p:cNvSpPr>
            <a:spLocks noGrp="1"/>
          </p:cNvSpPr>
          <p:nvPr>
            <p:ph type="dt" sz="half" idx="18"/>
          </p:nvPr>
        </p:nvSpPr>
        <p:spPr>
          <a:xfrm>
            <a:off x="4711699" y="6354535"/>
            <a:ext cx="2743200" cy="215444"/>
          </a:xfrm>
        </p:spPr>
        <p:txBody>
          <a:bodyPr/>
          <a:lstStyle>
            <a:lvl1pPr>
              <a:defRPr>
                <a:solidFill>
                  <a:schemeClr val="bg1"/>
                </a:solidFill>
              </a:defRPr>
            </a:lvl1pPr>
          </a:lstStyle>
          <a:p>
            <a:endParaRPr lang="nb-NO"/>
          </a:p>
        </p:txBody>
      </p:sp>
      <p:sp>
        <p:nvSpPr>
          <p:cNvPr id="5" name="Footer Placeholder 4">
            <a:extLst>
              <a:ext uri="{FF2B5EF4-FFF2-40B4-BE49-F238E27FC236}">
                <a16:creationId xmlns:a16="http://schemas.microsoft.com/office/drawing/2014/main" id="{18D7E2B3-6F8D-E9A1-1C6C-3248325BBC58}"/>
              </a:ext>
            </a:extLst>
          </p:cNvPr>
          <p:cNvSpPr>
            <a:spLocks noGrp="1"/>
          </p:cNvSpPr>
          <p:nvPr>
            <p:ph type="ftr" sz="quarter" idx="19"/>
          </p:nvPr>
        </p:nvSpPr>
        <p:spPr>
          <a:xfrm>
            <a:off x="8022499" y="6354539"/>
            <a:ext cx="3424012" cy="193899"/>
          </a:xfrm>
        </p:spPr>
        <p:txBody>
          <a:bodyPr/>
          <a:lstStyle>
            <a:lvl1pPr>
              <a:defRPr>
                <a:solidFill>
                  <a:schemeClr val="bg1"/>
                </a:solidFill>
              </a:defRPr>
            </a:lvl1pPr>
          </a:lstStyle>
          <a:p>
            <a:pPr algn="r"/>
            <a:r>
              <a:rPr lang="en-US"/>
              <a:t>Technology for a better society</a:t>
            </a:r>
            <a:endParaRPr lang="nb-NO"/>
          </a:p>
        </p:txBody>
      </p:sp>
      <p:sp>
        <p:nvSpPr>
          <p:cNvPr id="10" name="Slide Number Placeholder 9">
            <a:extLst>
              <a:ext uri="{FF2B5EF4-FFF2-40B4-BE49-F238E27FC236}">
                <a16:creationId xmlns:a16="http://schemas.microsoft.com/office/drawing/2014/main" id="{35C8ABA7-40DD-3BD3-C33E-D98FD7DDB91C}"/>
              </a:ext>
            </a:extLst>
          </p:cNvPr>
          <p:cNvSpPr>
            <a:spLocks noGrp="1"/>
          </p:cNvSpPr>
          <p:nvPr>
            <p:ph type="sldNum" sz="quarter" idx="20"/>
          </p:nvPr>
        </p:nvSpPr>
        <p:spPr>
          <a:xfrm>
            <a:off x="720089" y="6354535"/>
            <a:ext cx="3424012" cy="215444"/>
          </a:xfrm>
        </p:spPr>
        <p:txBody>
          <a:bodyPr/>
          <a:lstStyle>
            <a:lvl1pPr algn="l">
              <a:defRPr>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305665744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Kapittel Rød">
    <p:bg>
      <p:bgPr>
        <a:solidFill>
          <a:schemeClr val="accent5"/>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hasCustomPrompt="1"/>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A4591EBB-63A1-7AF6-AD12-3480E1D79DE4}"/>
              </a:ext>
            </a:extLst>
          </p:cNvPr>
          <p:cNvSpPr>
            <a:spLocks noGrp="1"/>
          </p:cNvSpPr>
          <p:nvPr>
            <p:ph type="dt" sz="half" idx="18"/>
          </p:nvPr>
        </p:nvSpPr>
        <p:spPr/>
        <p:txBody>
          <a:bodyPr/>
          <a:lstStyle/>
          <a:p>
            <a:endParaRPr lang="nb-NO"/>
          </a:p>
        </p:txBody>
      </p:sp>
      <p:sp>
        <p:nvSpPr>
          <p:cNvPr id="8" name="Footer Placeholder 7">
            <a:extLst>
              <a:ext uri="{FF2B5EF4-FFF2-40B4-BE49-F238E27FC236}">
                <a16:creationId xmlns:a16="http://schemas.microsoft.com/office/drawing/2014/main" id="{6AC39F5B-006F-0AE4-AE38-1C0F9343E86F}"/>
              </a:ext>
            </a:extLst>
          </p:cNvPr>
          <p:cNvSpPr>
            <a:spLocks noGrp="1"/>
          </p:cNvSpPr>
          <p:nvPr>
            <p:ph type="ftr" sz="quarter" idx="19"/>
          </p:nvPr>
        </p:nvSpPr>
        <p:spPr/>
        <p:txBody>
          <a:bodyPr/>
          <a:lstStyle/>
          <a:p>
            <a:pPr algn="r"/>
            <a:r>
              <a:rPr lang="en-US"/>
              <a:t>Technology for a better society</a:t>
            </a:r>
            <a:endParaRPr lang="nb-NO"/>
          </a:p>
        </p:txBody>
      </p:sp>
      <p:sp>
        <p:nvSpPr>
          <p:cNvPr id="10" name="Slide Number Placeholder 9">
            <a:extLst>
              <a:ext uri="{FF2B5EF4-FFF2-40B4-BE49-F238E27FC236}">
                <a16:creationId xmlns:a16="http://schemas.microsoft.com/office/drawing/2014/main" id="{FBBF87F7-F367-706C-1EF1-31510A1B9DB7}"/>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387292481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973"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hasCustomPrompt="1"/>
          </p:nvPr>
        </p:nvSpPr>
        <p:spPr>
          <a:xfrm>
            <a:off x="758189" y="2259018"/>
            <a:ext cx="10752429" cy="3910012"/>
          </a:xfrm>
          <a:prstGeom prst="rect">
            <a:avLst/>
          </a:prstGeom>
        </p:spPr>
        <p:txBody>
          <a:bodyPr lIns="0" tIns="0" rIns="0" bIns="0"/>
          <a:lstStyle>
            <a:lvl1pPr>
              <a:defRPr/>
            </a:lvl1p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p>
        </p:txBody>
      </p:sp>
      <p:sp>
        <p:nvSpPr>
          <p:cNvPr id="15" name="Date Placeholder 14">
            <a:extLst>
              <a:ext uri="{FF2B5EF4-FFF2-40B4-BE49-F238E27FC236}">
                <a16:creationId xmlns:a16="http://schemas.microsoft.com/office/drawing/2014/main" id="{CD8944F7-7F2C-0FC8-7CDE-26C5A9D04C6B}"/>
              </a:ext>
            </a:extLst>
          </p:cNvPr>
          <p:cNvSpPr>
            <a:spLocks noGrp="1"/>
          </p:cNvSpPr>
          <p:nvPr>
            <p:ph type="dt" sz="half" idx="13"/>
          </p:nvPr>
        </p:nvSpPr>
        <p:spPr/>
        <p:txBody>
          <a:bodyPr/>
          <a:lstStyle/>
          <a:p>
            <a:endParaRPr lang="en-GB"/>
          </a:p>
        </p:txBody>
      </p:sp>
      <p:sp>
        <p:nvSpPr>
          <p:cNvPr id="16" name="Footer Placeholder 15">
            <a:extLst>
              <a:ext uri="{FF2B5EF4-FFF2-40B4-BE49-F238E27FC236}">
                <a16:creationId xmlns:a16="http://schemas.microsoft.com/office/drawing/2014/main" id="{6C5ABF75-3B86-4CC2-2236-F56940AE6C7E}"/>
              </a:ext>
            </a:extLst>
          </p:cNvPr>
          <p:cNvSpPr>
            <a:spLocks noGrp="1"/>
          </p:cNvSpPr>
          <p:nvPr>
            <p:ph type="ftr" sz="quarter" idx="14"/>
          </p:nvPr>
        </p:nvSpPr>
        <p:spPr/>
        <p:txBody>
          <a:bodyPr/>
          <a:lstStyle/>
          <a:p>
            <a:r>
              <a:rPr lang="en-US"/>
              <a:t>Technology for a better society</a:t>
            </a:r>
            <a:endParaRPr lang="nb-NO"/>
          </a:p>
        </p:txBody>
      </p:sp>
      <p:sp>
        <p:nvSpPr>
          <p:cNvPr id="17" name="Slide Number Placeholder 16">
            <a:extLst>
              <a:ext uri="{FF2B5EF4-FFF2-40B4-BE49-F238E27FC236}">
                <a16:creationId xmlns:a16="http://schemas.microsoft.com/office/drawing/2014/main" id="{5EB08652-C334-CDFE-9645-08489344C5B2}"/>
              </a:ext>
            </a:extLst>
          </p:cNvPr>
          <p:cNvSpPr>
            <a:spLocks noGrp="1"/>
          </p:cNvSpPr>
          <p:nvPr>
            <p:ph type="sldNum" sz="quarter" idx="15"/>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14543688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Kapittel Lys Rød">
    <p:bg>
      <p:bgPr>
        <a:solidFill>
          <a:srgbClr val="DE9D9B"/>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0EDB0B6-0952-8308-67B4-5FF61ED0CAEA}"/>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D2147BDF-8B4A-A73D-84DD-73FFC7E92C75}"/>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34B85DCE-7594-27BF-71E8-647ED796DDA0}"/>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295628350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Kapittel Grønn">
    <p:bg>
      <p:bgPr>
        <a:solidFill>
          <a:schemeClr val="accent1"/>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EE04267-51A5-4300-B1A3-345A67D0D394}"/>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EFF75DB9-E2A7-5147-0D09-6C7B99412E6D}"/>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2BAFADEB-E1F3-D483-7A5E-FA1241E56778}"/>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128817571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Kapittel Lys Grønn">
    <p:bg>
      <p:bgPr>
        <a:solidFill>
          <a:schemeClr val="accent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49E3687-A4D4-8578-9891-A3DA560145A0}"/>
              </a:ext>
            </a:extLst>
          </p:cNvPr>
          <p:cNvSpPr>
            <a:spLocks noGrp="1"/>
          </p:cNvSpPr>
          <p:nvPr>
            <p:ph type="dt" sz="half" idx="18"/>
          </p:nvPr>
        </p:nvSpPr>
        <p:spPr/>
        <p:txBody>
          <a:bodyPr/>
          <a:lstStyle>
            <a:lvl1pPr>
              <a:defRPr>
                <a:solidFill>
                  <a:schemeClr val="tx2"/>
                </a:solidFill>
              </a:defRPr>
            </a:lvl1pPr>
          </a:lstStyle>
          <a:p>
            <a:endParaRPr lang="nb-NO"/>
          </a:p>
        </p:txBody>
      </p:sp>
      <p:sp>
        <p:nvSpPr>
          <p:cNvPr id="5" name="Footer Placeholder 4">
            <a:extLst>
              <a:ext uri="{FF2B5EF4-FFF2-40B4-BE49-F238E27FC236}">
                <a16:creationId xmlns:a16="http://schemas.microsoft.com/office/drawing/2014/main" id="{EFC31927-AD98-66DE-D978-26CF854123DF}"/>
              </a:ext>
            </a:extLst>
          </p:cNvPr>
          <p:cNvSpPr>
            <a:spLocks noGrp="1"/>
          </p:cNvSpPr>
          <p:nvPr>
            <p:ph type="ftr" sz="quarter" idx="19"/>
          </p:nvPr>
        </p:nvSpPr>
        <p:spPr/>
        <p:txBody>
          <a:bodyPr/>
          <a:lstStyle>
            <a:lvl1pPr>
              <a:defRPr>
                <a:solidFill>
                  <a:schemeClr val="tx2"/>
                </a:solidFill>
              </a:defRPr>
            </a:lvl1p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92144B83-CD2B-7ACA-A1C5-2DE1A2257515}"/>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422040728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Kapittel Mørk Grønn">
    <p:bg>
      <p:bgPr>
        <a:solidFill>
          <a:schemeClr val="accent3"/>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9367B78-1844-893D-615B-CD579150B031}"/>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9CCBCEE7-DBA2-5473-B933-F8F1A22876CA}"/>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C3EF9CCC-8657-41EA-4A62-855BF6A131D8}"/>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205649335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Kapittel Gul">
    <p:bg>
      <p:bgPr>
        <a:solidFill>
          <a:schemeClr val="accent4"/>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705D46A-57DD-EA59-5469-A6B29CB5CE43}"/>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63333820-83DD-EBD4-9A3E-7157895EE35C}"/>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8F148AE9-5E31-1926-0092-90FDBC7839D4}"/>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243213885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Kapittel Lys Gul">
    <p:bg>
      <p:bgPr>
        <a:solidFill>
          <a:srgbClr val="EAD7A0"/>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7831693-056A-E20B-097E-D984CADBB4F9}"/>
              </a:ext>
            </a:extLst>
          </p:cNvPr>
          <p:cNvSpPr>
            <a:spLocks noGrp="1"/>
          </p:cNvSpPr>
          <p:nvPr>
            <p:ph type="dt" sz="half" idx="18"/>
          </p:nvPr>
        </p:nvSpPr>
        <p:spPr/>
        <p:txBody>
          <a:bodyPr/>
          <a:lstStyle>
            <a:lvl1pPr>
              <a:defRPr>
                <a:solidFill>
                  <a:schemeClr val="tx2"/>
                </a:solidFill>
              </a:defRPr>
            </a:lvl1pPr>
          </a:lstStyle>
          <a:p>
            <a:endParaRPr lang="nb-NO"/>
          </a:p>
        </p:txBody>
      </p:sp>
      <p:sp>
        <p:nvSpPr>
          <p:cNvPr id="5" name="Footer Placeholder 4">
            <a:extLst>
              <a:ext uri="{FF2B5EF4-FFF2-40B4-BE49-F238E27FC236}">
                <a16:creationId xmlns:a16="http://schemas.microsoft.com/office/drawing/2014/main" id="{B050927A-CE72-B2BF-0899-A3E0B10E06F8}"/>
              </a:ext>
            </a:extLst>
          </p:cNvPr>
          <p:cNvSpPr>
            <a:spLocks noGrp="1"/>
          </p:cNvSpPr>
          <p:nvPr>
            <p:ph type="ftr" sz="quarter" idx="19"/>
          </p:nvPr>
        </p:nvSpPr>
        <p:spPr/>
        <p:txBody>
          <a:bodyPr/>
          <a:lstStyle>
            <a:lvl1pPr>
              <a:defRPr>
                <a:solidFill>
                  <a:schemeClr val="tx2"/>
                </a:solidFill>
              </a:defRPr>
            </a:lvl1p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B1B2BEFA-1F51-4FEF-B780-1D3D379401AA}"/>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76579914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Kapittel Lilla">
    <p:bg>
      <p:bgPr>
        <a:solidFill>
          <a:schemeClr val="accent6"/>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D26151A-6B8F-6371-6B17-699D46AD2538}"/>
              </a:ext>
            </a:extLst>
          </p:cNvPr>
          <p:cNvSpPr>
            <a:spLocks noGrp="1"/>
          </p:cNvSpPr>
          <p:nvPr>
            <p:ph type="dt" sz="half" idx="18"/>
          </p:nvPr>
        </p:nvSpPr>
        <p:spPr/>
        <p:txBody>
          <a:bodyPr/>
          <a:lstStyle/>
          <a:p>
            <a:endParaRPr lang="nb-NO"/>
          </a:p>
        </p:txBody>
      </p:sp>
      <p:sp>
        <p:nvSpPr>
          <p:cNvPr id="5" name="Footer Placeholder 4">
            <a:extLst>
              <a:ext uri="{FF2B5EF4-FFF2-40B4-BE49-F238E27FC236}">
                <a16:creationId xmlns:a16="http://schemas.microsoft.com/office/drawing/2014/main" id="{1B53F787-3D9D-8555-93E4-ECDC90418A87}"/>
              </a:ext>
            </a:extLst>
          </p:cNvPr>
          <p:cNvSpPr>
            <a:spLocks noGrp="1"/>
          </p:cNvSpPr>
          <p:nvPr>
            <p:ph type="ftr" sz="quarter" idx="19"/>
          </p:nvPr>
        </p:nvSpPr>
        <p:spPr/>
        <p:txBody>
          <a:body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44A15301-DC43-AC33-45A9-266C5AE65726}"/>
              </a:ext>
            </a:extLst>
          </p:cNvPr>
          <p:cNvSpPr>
            <a:spLocks noGrp="1"/>
          </p:cNvSpPr>
          <p:nvPr>
            <p:ph type="sldNum" sz="quarter" idx="20"/>
          </p:nvPr>
        </p:nvSpPr>
        <p:spPr/>
        <p:txBody>
          <a:body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220620392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Kapittel Lys Lilla">
    <p:bg>
      <p:bgPr>
        <a:solidFill>
          <a:srgbClr val="BB7FA8"/>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C23B9C5-BF62-191C-E2E2-81AD277F242F}"/>
              </a:ext>
            </a:extLst>
          </p:cNvPr>
          <p:cNvSpPr>
            <a:spLocks noGrp="1"/>
          </p:cNvSpPr>
          <p:nvPr>
            <p:ph type="dt" sz="half" idx="18"/>
          </p:nvPr>
        </p:nvSpPr>
        <p:spPr/>
        <p:txBody>
          <a:bodyPr/>
          <a:lstStyle>
            <a:lvl1pPr>
              <a:defRPr>
                <a:solidFill>
                  <a:schemeClr val="tx2"/>
                </a:solidFill>
              </a:defRPr>
            </a:lvl1pPr>
          </a:lstStyle>
          <a:p>
            <a:endParaRPr lang="nb-NO"/>
          </a:p>
        </p:txBody>
      </p:sp>
      <p:sp>
        <p:nvSpPr>
          <p:cNvPr id="5" name="Footer Placeholder 4">
            <a:extLst>
              <a:ext uri="{FF2B5EF4-FFF2-40B4-BE49-F238E27FC236}">
                <a16:creationId xmlns:a16="http://schemas.microsoft.com/office/drawing/2014/main" id="{C5B521AD-2E85-FCC5-6DF6-9BE9491D5996}"/>
              </a:ext>
            </a:extLst>
          </p:cNvPr>
          <p:cNvSpPr>
            <a:spLocks noGrp="1"/>
          </p:cNvSpPr>
          <p:nvPr>
            <p:ph type="ftr" sz="quarter" idx="19"/>
          </p:nvPr>
        </p:nvSpPr>
        <p:spPr/>
        <p:txBody>
          <a:bodyPr/>
          <a:lstStyle>
            <a:lvl1pPr>
              <a:defRPr>
                <a:solidFill>
                  <a:schemeClr val="tx2"/>
                </a:solidFill>
              </a:defRPr>
            </a:lvl1p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AD02950E-C60F-73CE-637F-C039AB3AA3A4}"/>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a:p>
        </p:txBody>
      </p:sp>
    </p:spTree>
    <p:extLst>
      <p:ext uri="{BB962C8B-B14F-4D97-AF65-F5344CB8AC3E}">
        <p14:creationId xmlns:p14="http://schemas.microsoft.com/office/powerpoint/2010/main" val="12269628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973"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15" name="Date Placeholder 14">
            <a:extLst>
              <a:ext uri="{FF2B5EF4-FFF2-40B4-BE49-F238E27FC236}">
                <a16:creationId xmlns:a16="http://schemas.microsoft.com/office/drawing/2014/main" id="{CD8944F7-7F2C-0FC8-7CDE-26C5A9D04C6B}"/>
              </a:ext>
            </a:extLst>
          </p:cNvPr>
          <p:cNvSpPr>
            <a:spLocks noGrp="1"/>
          </p:cNvSpPr>
          <p:nvPr>
            <p:ph type="dt" sz="half" idx="13"/>
          </p:nvPr>
        </p:nvSpPr>
        <p:spPr/>
        <p:txBody>
          <a:bodyPr/>
          <a:lstStyle/>
          <a:p>
            <a:endParaRPr lang="en-GB"/>
          </a:p>
        </p:txBody>
      </p:sp>
      <p:sp>
        <p:nvSpPr>
          <p:cNvPr id="16" name="Footer Placeholder 15">
            <a:extLst>
              <a:ext uri="{FF2B5EF4-FFF2-40B4-BE49-F238E27FC236}">
                <a16:creationId xmlns:a16="http://schemas.microsoft.com/office/drawing/2014/main" id="{6C5ABF75-3B86-4CC2-2236-F56940AE6C7E}"/>
              </a:ext>
            </a:extLst>
          </p:cNvPr>
          <p:cNvSpPr>
            <a:spLocks noGrp="1"/>
          </p:cNvSpPr>
          <p:nvPr>
            <p:ph type="ftr" sz="quarter" idx="14"/>
          </p:nvPr>
        </p:nvSpPr>
        <p:spPr/>
        <p:txBody>
          <a:bodyPr/>
          <a:lstStyle/>
          <a:p>
            <a:r>
              <a:rPr lang="en-US"/>
              <a:t>Technology for a better society</a:t>
            </a:r>
            <a:endParaRPr lang="nb-NO"/>
          </a:p>
        </p:txBody>
      </p:sp>
      <p:sp>
        <p:nvSpPr>
          <p:cNvPr id="17" name="Slide Number Placeholder 16">
            <a:extLst>
              <a:ext uri="{FF2B5EF4-FFF2-40B4-BE49-F238E27FC236}">
                <a16:creationId xmlns:a16="http://schemas.microsoft.com/office/drawing/2014/main" id="{5EB08652-C334-CDFE-9645-08489344C5B2}"/>
              </a:ext>
            </a:extLst>
          </p:cNvPr>
          <p:cNvSpPr>
            <a:spLocks noGrp="1"/>
          </p:cNvSpPr>
          <p:nvPr>
            <p:ph type="sldNum" sz="quarter" idx="15"/>
          </p:nvPr>
        </p:nvSpPr>
        <p:spPr/>
        <p:txBody>
          <a:bodyPr/>
          <a:lstStyle/>
          <a:p>
            <a:fld id="{B28577EF-26A1-4248-AC55-7ADFDAB26891}" type="slidenum">
              <a:rPr lang="en-GB" smtClean="0"/>
              <a:pPr/>
              <a:t>‹#›</a:t>
            </a:fld>
            <a:endParaRPr lang="en-GB"/>
          </a:p>
        </p:txBody>
      </p:sp>
      <p:sp>
        <p:nvSpPr>
          <p:cNvPr id="8" name="Content Placeholder 2">
            <a:extLst>
              <a:ext uri="{FF2B5EF4-FFF2-40B4-BE49-F238E27FC236}">
                <a16:creationId xmlns:a16="http://schemas.microsoft.com/office/drawing/2014/main" id="{D20F578F-3896-25C5-D2B1-D8E7303A7AF2}"/>
              </a:ext>
            </a:extLst>
          </p:cNvPr>
          <p:cNvSpPr>
            <a:spLocks noGrp="1"/>
          </p:cNvSpPr>
          <p:nvPr>
            <p:ph idx="1" hasCustomPrompt="1"/>
          </p:nvPr>
        </p:nvSpPr>
        <p:spPr>
          <a:xfrm>
            <a:off x="758189" y="2259018"/>
            <a:ext cx="10752428" cy="3910012"/>
          </a:xfrm>
        </p:spPr>
        <p:txBody>
          <a:bodyPr/>
          <a:lstStyle>
            <a:lvl1pPr>
              <a:defRPr/>
            </a:lvl1p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390178607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p>
        </p:txBody>
      </p:sp>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4031017"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hasCustomPrompt="1"/>
          </p:nvPr>
        </p:nvSpPr>
        <p:spPr>
          <a:xfrm>
            <a:off x="758189" y="2259018"/>
            <a:ext cx="5375472" cy="3910012"/>
          </a:xfrm>
        </p:spPr>
        <p:txBody>
          <a:bodyPr/>
          <a:lstStyle>
            <a:lvl1pPr>
              <a:defRPr/>
            </a:lvl1p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p>
        </p:txBody>
      </p:sp>
      <p:sp>
        <p:nvSpPr>
          <p:cNvPr id="15" name="Date Placeholder 14">
            <a:extLst>
              <a:ext uri="{FF2B5EF4-FFF2-40B4-BE49-F238E27FC236}">
                <a16:creationId xmlns:a16="http://schemas.microsoft.com/office/drawing/2014/main" id="{C7207310-D9A2-20F9-D03E-AB79FFAF6392}"/>
              </a:ext>
            </a:extLst>
          </p:cNvPr>
          <p:cNvSpPr>
            <a:spLocks noGrp="1"/>
          </p:cNvSpPr>
          <p:nvPr>
            <p:ph type="dt" sz="half" idx="14"/>
          </p:nvPr>
        </p:nvSpPr>
        <p:spPr/>
        <p:txBody>
          <a:bodyPr/>
          <a:lstStyle/>
          <a:p>
            <a:endParaRPr lang="en-GB"/>
          </a:p>
        </p:txBody>
      </p:sp>
      <p:sp>
        <p:nvSpPr>
          <p:cNvPr id="16" name="Footer Placeholder 15">
            <a:extLst>
              <a:ext uri="{FF2B5EF4-FFF2-40B4-BE49-F238E27FC236}">
                <a16:creationId xmlns:a16="http://schemas.microsoft.com/office/drawing/2014/main" id="{EF1C1E1E-7CC8-8501-5FC2-047CC63F63E1}"/>
              </a:ext>
            </a:extLst>
          </p:cNvPr>
          <p:cNvSpPr>
            <a:spLocks noGrp="1"/>
          </p:cNvSpPr>
          <p:nvPr>
            <p:ph type="ftr" sz="quarter" idx="15"/>
          </p:nvPr>
        </p:nvSpPr>
        <p:spPr/>
        <p:txBody>
          <a:bodyPr/>
          <a:lstStyle/>
          <a:p>
            <a:r>
              <a:rPr lang="en-US"/>
              <a:t>Technology for a better society</a:t>
            </a:r>
            <a:endParaRPr lang="nb-NO"/>
          </a:p>
        </p:txBody>
      </p:sp>
      <p:sp>
        <p:nvSpPr>
          <p:cNvPr id="17" name="Slide Number Placeholder 16">
            <a:extLst>
              <a:ext uri="{FF2B5EF4-FFF2-40B4-BE49-F238E27FC236}">
                <a16:creationId xmlns:a16="http://schemas.microsoft.com/office/drawing/2014/main" id="{73241680-A1A9-2F83-7BD1-6296B6E2420A}"/>
              </a:ext>
            </a:extLst>
          </p:cNvPr>
          <p:cNvSpPr>
            <a:spLocks noGrp="1"/>
          </p:cNvSpPr>
          <p:nvPr>
            <p:ph type="sldNum" sz="quarter" idx="16"/>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770695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nb-NO"/>
          </a:p>
        </p:txBody>
      </p:sp>
      <p:sp>
        <p:nvSpPr>
          <p:cNvPr id="10" name="Date Placeholder 9">
            <a:extLst>
              <a:ext uri="{FF2B5EF4-FFF2-40B4-BE49-F238E27FC236}">
                <a16:creationId xmlns:a16="http://schemas.microsoft.com/office/drawing/2014/main" id="{6E92FFB3-C53C-54C9-EE84-995C8273CE89}"/>
              </a:ext>
            </a:extLst>
          </p:cNvPr>
          <p:cNvSpPr>
            <a:spLocks noGrp="1"/>
          </p:cNvSpPr>
          <p:nvPr>
            <p:ph type="dt" sz="half" idx="15"/>
          </p:nvPr>
        </p:nvSpPr>
        <p:spPr/>
        <p:txBody>
          <a:bodyPr/>
          <a:lstStyle/>
          <a:p>
            <a:endParaRPr lang="en-GB"/>
          </a:p>
        </p:txBody>
      </p:sp>
      <p:sp>
        <p:nvSpPr>
          <p:cNvPr id="12" name="Footer Placeholder 11">
            <a:extLst>
              <a:ext uri="{FF2B5EF4-FFF2-40B4-BE49-F238E27FC236}">
                <a16:creationId xmlns:a16="http://schemas.microsoft.com/office/drawing/2014/main" id="{DA9438E0-40CA-31FB-98A4-256B75C70BA7}"/>
              </a:ext>
            </a:extLst>
          </p:cNvPr>
          <p:cNvSpPr>
            <a:spLocks noGrp="1"/>
          </p:cNvSpPr>
          <p:nvPr>
            <p:ph type="ftr" sz="quarter" idx="16"/>
          </p:nvPr>
        </p:nvSpPr>
        <p:spPr/>
        <p:txBody>
          <a:bodyPr/>
          <a:lstStyle/>
          <a:p>
            <a:r>
              <a:rPr lang="en-US"/>
              <a:t>Technology for a better society</a:t>
            </a:r>
            <a:endParaRPr lang="nb-NO"/>
          </a:p>
        </p:txBody>
      </p:sp>
      <p:sp>
        <p:nvSpPr>
          <p:cNvPr id="13" name="Slide Number Placeholder 12">
            <a:extLst>
              <a:ext uri="{FF2B5EF4-FFF2-40B4-BE49-F238E27FC236}">
                <a16:creationId xmlns:a16="http://schemas.microsoft.com/office/drawing/2014/main" id="{4FFAD5BB-20BF-7CCA-B07B-F051521F6844}"/>
              </a:ext>
            </a:extLst>
          </p:cNvPr>
          <p:cNvSpPr>
            <a:spLocks noGrp="1"/>
          </p:cNvSpPr>
          <p:nvPr>
            <p:ph type="sldNum" sz="quarter" idx="17"/>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22186187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5149124" cy="463550"/>
          </a:xfrm>
        </p:spPr>
        <p:txBody>
          <a:bodyPr anchor="ctr">
            <a:normAutofit/>
          </a:bodyPr>
          <a:lstStyle>
            <a:lvl1pPr marL="0" indent="0">
              <a:buNone/>
              <a:defRPr sz="2400" b="1">
                <a:solidFill>
                  <a:schemeClr val="tx2"/>
                </a:solidFill>
                <a:latin typeface="+mj-lt"/>
              </a:defRPr>
            </a:lvl1pPr>
          </a:lstStyle>
          <a:p>
            <a:pPr lvl="0"/>
            <a:r>
              <a:rPr lang="en-US"/>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6360882" y="1915200"/>
            <a:ext cx="5149127" cy="463550"/>
          </a:xfrm>
        </p:spPr>
        <p:txBody>
          <a:bodyPr anchor="ctr">
            <a:normAutofit/>
          </a:bodyPr>
          <a:lstStyle>
            <a:lvl1pPr marL="0" indent="0">
              <a:buNone/>
              <a:defRPr sz="2400" b="1">
                <a:solidFill>
                  <a:schemeClr val="tx2"/>
                </a:solidFill>
                <a:latin typeface="+mj-lt"/>
              </a:defRPr>
            </a:lvl1pPr>
          </a:lstStyle>
          <a:p>
            <a:pPr lvl="0"/>
            <a:r>
              <a:rPr lang="en-US"/>
              <a:t>Click to add text</a:t>
            </a:r>
          </a:p>
        </p:txBody>
      </p:sp>
      <p:sp>
        <p:nvSpPr>
          <p:cNvPr id="3" name="Content Placeholder 2">
            <a:extLst>
              <a:ext uri="{FF2B5EF4-FFF2-40B4-BE49-F238E27FC236}">
                <a16:creationId xmlns:a16="http://schemas.microsoft.com/office/drawing/2014/main" id="{E943A91F-F314-DA23-B68D-55610B3CEF10}"/>
              </a:ext>
            </a:extLst>
          </p:cNvPr>
          <p:cNvSpPr>
            <a:spLocks noGrp="1"/>
          </p:cNvSpPr>
          <p:nvPr>
            <p:ph sz="quarter" idx="19" hasCustomPrompt="1"/>
          </p:nvPr>
        </p:nvSpPr>
        <p:spPr>
          <a:xfrm>
            <a:off x="758190" y="2660400"/>
            <a:ext cx="5149124" cy="3508630"/>
          </a:xfrm>
          <a:prstGeom prst="rect">
            <a:avLst/>
          </a:prstGeom>
        </p:spPr>
        <p:txBody>
          <a:bodyPr lIns="0" tIns="0" rIns="0" bIns="0"/>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0D691621-DD0F-5BAC-86B5-A91955332351}"/>
              </a:ext>
            </a:extLst>
          </p:cNvPr>
          <p:cNvSpPr>
            <a:spLocks noGrp="1"/>
          </p:cNvSpPr>
          <p:nvPr>
            <p:ph sz="quarter" idx="20" hasCustomPrompt="1"/>
          </p:nvPr>
        </p:nvSpPr>
        <p:spPr>
          <a:xfrm>
            <a:off x="6360884" y="2660400"/>
            <a:ext cx="5149126" cy="3508630"/>
          </a:xfrm>
          <a:prstGeom prst="rect">
            <a:avLst/>
          </a:prstGeom>
        </p:spPr>
        <p:txBody>
          <a:bodyPr lIns="0" tIns="0" rIns="0" bIns="0"/>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en-GB"/>
          </a:p>
        </p:txBody>
      </p:sp>
      <p:sp>
        <p:nvSpPr>
          <p:cNvPr id="10" name="Date Placeholder 9">
            <a:extLst>
              <a:ext uri="{FF2B5EF4-FFF2-40B4-BE49-F238E27FC236}">
                <a16:creationId xmlns:a16="http://schemas.microsoft.com/office/drawing/2014/main" id="{4A894F9D-362B-75C6-D748-87BF776712E9}"/>
              </a:ext>
            </a:extLst>
          </p:cNvPr>
          <p:cNvSpPr>
            <a:spLocks noGrp="1"/>
          </p:cNvSpPr>
          <p:nvPr>
            <p:ph type="dt" sz="half" idx="21"/>
          </p:nvPr>
        </p:nvSpPr>
        <p:spPr>
          <a:xfrm>
            <a:off x="4711700" y="6354535"/>
            <a:ext cx="2743200" cy="215444"/>
          </a:xfrm>
          <a:prstGeom prst="rect">
            <a:avLst/>
          </a:prstGeom>
        </p:spPr>
        <p:txBody>
          <a:bodyPr/>
          <a:lstStyle/>
          <a:p>
            <a:endParaRPr lang="en-GB"/>
          </a:p>
        </p:txBody>
      </p:sp>
      <p:sp>
        <p:nvSpPr>
          <p:cNvPr id="12" name="Footer Placeholder 11">
            <a:extLst>
              <a:ext uri="{FF2B5EF4-FFF2-40B4-BE49-F238E27FC236}">
                <a16:creationId xmlns:a16="http://schemas.microsoft.com/office/drawing/2014/main" id="{42DAD4FD-D9C4-10C8-F38F-E78379D8D9B5}"/>
              </a:ext>
            </a:extLst>
          </p:cNvPr>
          <p:cNvSpPr>
            <a:spLocks noGrp="1"/>
          </p:cNvSpPr>
          <p:nvPr>
            <p:ph type="ftr" sz="quarter" idx="22"/>
          </p:nvPr>
        </p:nvSpPr>
        <p:spPr/>
        <p:txBody>
          <a:bodyPr/>
          <a:lstStyle/>
          <a:p>
            <a:r>
              <a:rPr lang="en-US"/>
              <a:t>Technology for a better society</a:t>
            </a:r>
            <a:endParaRPr lang="nb-NO"/>
          </a:p>
        </p:txBody>
      </p:sp>
      <p:sp>
        <p:nvSpPr>
          <p:cNvPr id="14" name="Slide Number Placeholder 13">
            <a:extLst>
              <a:ext uri="{FF2B5EF4-FFF2-40B4-BE49-F238E27FC236}">
                <a16:creationId xmlns:a16="http://schemas.microsoft.com/office/drawing/2014/main" id="{AF55F553-7642-0947-2C76-FB38484F2E75}"/>
              </a:ext>
            </a:extLst>
          </p:cNvPr>
          <p:cNvSpPr>
            <a:spLocks noGrp="1"/>
          </p:cNvSpPr>
          <p:nvPr>
            <p:ph type="sldNum" sz="quarter" idx="23"/>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22736559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4" y="379964"/>
            <a:ext cx="9407366" cy="1051168"/>
          </a:xfrm>
        </p:spPr>
        <p:txBody>
          <a:bodyPr/>
          <a:lstStyle>
            <a:lvl1pPr>
              <a:defRPr/>
            </a:lvl1pPr>
          </a:lstStyle>
          <a:p>
            <a:r>
              <a:rPr lang="nb-NO" err="1"/>
              <a:t>Click</a:t>
            </a:r>
            <a:r>
              <a:rPr lang="nb-NO"/>
              <a:t> to </a:t>
            </a:r>
            <a:r>
              <a:rPr lang="nb-NO" err="1"/>
              <a:t>add</a:t>
            </a:r>
            <a:r>
              <a:rPr lang="nb-NO"/>
              <a:t> </a:t>
            </a:r>
            <a:r>
              <a:rPr lang="nb-NO" err="1"/>
              <a:t>title</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0" y="1915200"/>
            <a:ext cx="3064510" cy="463550"/>
          </a:xfrm>
        </p:spPr>
        <p:txBody>
          <a:bodyPr anchor="ctr">
            <a:normAutofit/>
          </a:bodyPr>
          <a:lstStyle>
            <a:lvl1pPr marL="0" indent="0">
              <a:buNone/>
              <a:defRPr sz="2400" b="1">
                <a:solidFill>
                  <a:schemeClr val="tx2"/>
                </a:solidFill>
                <a:latin typeface="+mj-lt"/>
              </a:defRPr>
            </a:lvl1pPr>
          </a:lstStyle>
          <a:p>
            <a:pPr lvl="0"/>
            <a:r>
              <a:rPr lang="en-US"/>
              <a:t>Click to add 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4601845" y="1915200"/>
            <a:ext cx="3064510" cy="463550"/>
          </a:xfrm>
        </p:spPr>
        <p:txBody>
          <a:bodyPr anchor="ctr">
            <a:normAutofit/>
          </a:bodyPr>
          <a:lstStyle>
            <a:lvl1pPr marL="0" indent="0">
              <a:buNone/>
              <a:defRPr sz="2400" b="1">
                <a:solidFill>
                  <a:schemeClr val="tx2"/>
                </a:solidFill>
                <a:latin typeface="+mj-lt"/>
              </a:defRPr>
            </a:lvl1pPr>
          </a:lstStyle>
          <a:p>
            <a:pPr lvl="0"/>
            <a:r>
              <a:rPr lang="en-US"/>
              <a:t>Click to add 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8445500" y="1915200"/>
            <a:ext cx="3064510" cy="463550"/>
          </a:xfrm>
        </p:spPr>
        <p:txBody>
          <a:bodyPr anchor="ctr">
            <a:normAutofit/>
          </a:bodyPr>
          <a:lstStyle>
            <a:lvl1pPr marL="0" indent="0">
              <a:buNone/>
              <a:defRPr sz="2400" b="1">
                <a:solidFill>
                  <a:schemeClr val="tx2"/>
                </a:solidFill>
                <a:latin typeface="+mj-lt"/>
              </a:defRPr>
            </a:lvl1pPr>
          </a:lstStyle>
          <a:p>
            <a:pPr lvl="0"/>
            <a:r>
              <a:rPr lang="en-US"/>
              <a:t>Click to add text</a:t>
            </a:r>
          </a:p>
        </p:txBody>
      </p:sp>
      <p:sp>
        <p:nvSpPr>
          <p:cNvPr id="3" name="Content Placeholder 2">
            <a:extLst>
              <a:ext uri="{FF2B5EF4-FFF2-40B4-BE49-F238E27FC236}">
                <a16:creationId xmlns:a16="http://schemas.microsoft.com/office/drawing/2014/main" id="{426F2D09-BC74-5579-57A0-A67D4506C6BE}"/>
              </a:ext>
            </a:extLst>
          </p:cNvPr>
          <p:cNvSpPr>
            <a:spLocks noGrp="1"/>
          </p:cNvSpPr>
          <p:nvPr>
            <p:ph sz="quarter" idx="19" hasCustomPrompt="1"/>
          </p:nvPr>
        </p:nvSpPr>
        <p:spPr>
          <a:xfrm>
            <a:off x="758190" y="2660400"/>
            <a:ext cx="3064510" cy="3508630"/>
          </a:xfrm>
          <a:prstGeom prst="rect">
            <a:avLst/>
          </a:prstGeom>
        </p:spPr>
        <p:txBody>
          <a:bodyPr lIns="0" tIns="0" rIns="0" bIns="0"/>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DEE99126-E3BA-4E6A-BAA2-190E6748947F}"/>
              </a:ext>
            </a:extLst>
          </p:cNvPr>
          <p:cNvSpPr>
            <a:spLocks noGrp="1"/>
          </p:cNvSpPr>
          <p:nvPr>
            <p:ph sz="quarter" idx="20" hasCustomPrompt="1"/>
          </p:nvPr>
        </p:nvSpPr>
        <p:spPr>
          <a:xfrm>
            <a:off x="4601845" y="2660400"/>
            <a:ext cx="3064510" cy="3508630"/>
          </a:xfrm>
          <a:prstGeom prst="rect">
            <a:avLst/>
          </a:prstGeom>
        </p:spPr>
        <p:txBody>
          <a:bodyPr lIns="0" tIns="0" rIns="0" bIns="0"/>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en-GB"/>
          </a:p>
        </p:txBody>
      </p:sp>
      <p:sp>
        <p:nvSpPr>
          <p:cNvPr id="5" name="Content Placeholder 4">
            <a:extLst>
              <a:ext uri="{FF2B5EF4-FFF2-40B4-BE49-F238E27FC236}">
                <a16:creationId xmlns:a16="http://schemas.microsoft.com/office/drawing/2014/main" id="{0ED17D77-732D-AC5C-0904-B7F8E9791576}"/>
              </a:ext>
            </a:extLst>
          </p:cNvPr>
          <p:cNvSpPr>
            <a:spLocks noGrp="1"/>
          </p:cNvSpPr>
          <p:nvPr>
            <p:ph sz="quarter" idx="21" hasCustomPrompt="1"/>
          </p:nvPr>
        </p:nvSpPr>
        <p:spPr>
          <a:xfrm>
            <a:off x="8445500" y="2660400"/>
            <a:ext cx="3064510" cy="3508630"/>
          </a:xfrm>
          <a:prstGeom prst="rect">
            <a:avLst/>
          </a:prstGeom>
        </p:spPr>
        <p:txBody>
          <a:bodyPr lIns="0" tIns="0" rIns="0" bIns="0"/>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Date Placeholder 13">
            <a:extLst>
              <a:ext uri="{FF2B5EF4-FFF2-40B4-BE49-F238E27FC236}">
                <a16:creationId xmlns:a16="http://schemas.microsoft.com/office/drawing/2014/main" id="{E96FC8D7-2851-46A5-E0B9-823151359D6B}"/>
              </a:ext>
            </a:extLst>
          </p:cNvPr>
          <p:cNvSpPr>
            <a:spLocks noGrp="1"/>
          </p:cNvSpPr>
          <p:nvPr>
            <p:ph type="dt" sz="half" idx="22"/>
          </p:nvPr>
        </p:nvSpPr>
        <p:spPr>
          <a:xfrm>
            <a:off x="4711700" y="6354535"/>
            <a:ext cx="2743200" cy="215444"/>
          </a:xfrm>
          <a:prstGeom prst="rect">
            <a:avLst/>
          </a:prstGeom>
        </p:spPr>
        <p:txBody>
          <a:bodyPr/>
          <a:lstStyle/>
          <a:p>
            <a:endParaRPr lang="en-GB"/>
          </a:p>
        </p:txBody>
      </p:sp>
      <p:sp>
        <p:nvSpPr>
          <p:cNvPr id="16" name="Footer Placeholder 15">
            <a:extLst>
              <a:ext uri="{FF2B5EF4-FFF2-40B4-BE49-F238E27FC236}">
                <a16:creationId xmlns:a16="http://schemas.microsoft.com/office/drawing/2014/main" id="{C0B5D320-6B15-DF07-9150-C00F0D8641B8}"/>
              </a:ext>
            </a:extLst>
          </p:cNvPr>
          <p:cNvSpPr>
            <a:spLocks noGrp="1"/>
          </p:cNvSpPr>
          <p:nvPr>
            <p:ph type="ftr" sz="quarter" idx="23"/>
          </p:nvPr>
        </p:nvSpPr>
        <p:spPr/>
        <p:txBody>
          <a:bodyPr/>
          <a:lstStyle/>
          <a:p>
            <a:r>
              <a:rPr lang="en-US"/>
              <a:t>Technology for a better society</a:t>
            </a:r>
            <a:endParaRPr lang="nb-NO"/>
          </a:p>
        </p:txBody>
      </p:sp>
      <p:sp>
        <p:nvSpPr>
          <p:cNvPr id="17" name="Slide Number Placeholder 16">
            <a:extLst>
              <a:ext uri="{FF2B5EF4-FFF2-40B4-BE49-F238E27FC236}">
                <a16:creationId xmlns:a16="http://schemas.microsoft.com/office/drawing/2014/main" id="{851E2F86-1169-75B2-8382-DAAF775EDCBF}"/>
              </a:ext>
            </a:extLst>
          </p:cNvPr>
          <p:cNvSpPr>
            <a:spLocks noGrp="1"/>
          </p:cNvSpPr>
          <p:nvPr>
            <p:ph type="sldNum" sz="quarter" idx="24"/>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17610917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sv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7.xml"/><Relationship Id="rId13" Type="http://schemas.openxmlformats.org/officeDocument/2006/relationships/slideLayout" Target="../slideLayouts/slideLayout32.xml"/><Relationship Id="rId18" Type="http://schemas.openxmlformats.org/officeDocument/2006/relationships/slideLayout" Target="../slideLayouts/slideLayout37.xml"/><Relationship Id="rId3" Type="http://schemas.openxmlformats.org/officeDocument/2006/relationships/slideLayout" Target="../slideLayouts/slideLayout22.xml"/><Relationship Id="rId21" Type="http://schemas.openxmlformats.org/officeDocument/2006/relationships/image" Target="../media/image8.svg"/><Relationship Id="rId7" Type="http://schemas.openxmlformats.org/officeDocument/2006/relationships/slideLayout" Target="../slideLayouts/slideLayout26.xml"/><Relationship Id="rId12" Type="http://schemas.openxmlformats.org/officeDocument/2006/relationships/slideLayout" Target="../slideLayouts/slideLayout31.xml"/><Relationship Id="rId17" Type="http://schemas.openxmlformats.org/officeDocument/2006/relationships/slideLayout" Target="../slideLayouts/slideLayout36.xml"/><Relationship Id="rId2" Type="http://schemas.openxmlformats.org/officeDocument/2006/relationships/slideLayout" Target="../slideLayouts/slideLayout21.xml"/><Relationship Id="rId16" Type="http://schemas.openxmlformats.org/officeDocument/2006/relationships/slideLayout" Target="../slideLayouts/slideLayout35.xml"/><Relationship Id="rId20" Type="http://schemas.openxmlformats.org/officeDocument/2006/relationships/image" Target="../media/image7.png"/><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slideLayout" Target="../slideLayouts/slideLayout30.xml"/><Relationship Id="rId5" Type="http://schemas.openxmlformats.org/officeDocument/2006/relationships/slideLayout" Target="../slideLayouts/slideLayout24.xml"/><Relationship Id="rId15" Type="http://schemas.openxmlformats.org/officeDocument/2006/relationships/slideLayout" Target="../slideLayouts/slideLayout34.xml"/><Relationship Id="rId10" Type="http://schemas.openxmlformats.org/officeDocument/2006/relationships/slideLayout" Target="../slideLayouts/slideLayout29.xml"/><Relationship Id="rId19" Type="http://schemas.openxmlformats.org/officeDocument/2006/relationships/theme" Target="../theme/theme2.xml"/><Relationship Id="rId4" Type="http://schemas.openxmlformats.org/officeDocument/2006/relationships/slideLayout" Target="../slideLayouts/slideLayout23.xml"/><Relationship Id="rId9" Type="http://schemas.openxmlformats.org/officeDocument/2006/relationships/slideLayout" Target="../slideLayouts/slideLayout28.xml"/><Relationship Id="rId14" Type="http://schemas.openxmlformats.org/officeDocument/2006/relationships/slideLayout" Target="../slideLayouts/slideLayout3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image" Target="../media/image2.svg"/><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image" Target="../media/image1.png"/><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theme" Target="../theme/theme3.xml"/><Relationship Id="rId5" Type="http://schemas.openxmlformats.org/officeDocument/2006/relationships/slideLayout" Target="../slideLayouts/slideLayout42.xml"/><Relationship Id="rId10" Type="http://schemas.openxmlformats.org/officeDocument/2006/relationships/slideLayout" Target="../slideLayouts/slideLayout47.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9407975" cy="1051168"/>
          </a:xfrm>
          <a:prstGeom prst="rect">
            <a:avLst/>
          </a:prstGeom>
        </p:spPr>
        <p:txBody>
          <a:bodyPr vert="horz" lIns="0" tIns="0" rIns="0" bIns="0" rtlCol="0" anchor="b">
            <a:noAutofit/>
          </a:bodyPr>
          <a:lstStyle/>
          <a:p>
            <a:endParaRPr lang="nb-NO"/>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89" y="2259018"/>
            <a:ext cx="10752429" cy="3910012"/>
          </a:xfrm>
          <a:prstGeom prst="rect">
            <a:avLst/>
          </a:prstGeom>
        </p:spPr>
        <p:txBody>
          <a:bodyPr vert="horz" lIns="0" tIns="0" rIns="0" bIns="0" rtlCol="0">
            <a:normAutofit/>
          </a:bodyPr>
          <a:lstStyle/>
          <a:p>
            <a:pPr lvl="0"/>
            <a:r>
              <a:rPr lang="nb-NO" err="1"/>
              <a:t>Click</a:t>
            </a:r>
            <a:r>
              <a:rPr lang="nb-NO"/>
              <a:t> to </a:t>
            </a:r>
            <a:r>
              <a:rPr lang="nb-NO" err="1"/>
              <a:t>add</a:t>
            </a:r>
            <a:r>
              <a:rPr lang="nb-NO"/>
              <a:t> </a:t>
            </a:r>
            <a:r>
              <a:rPr lang="nb-NO" err="1"/>
              <a:t>text</a:t>
            </a:r>
            <a:endParaRPr lang="nb-NO"/>
          </a:p>
          <a:p>
            <a:pPr lvl="1"/>
            <a:r>
              <a:rPr lang="nb-NO"/>
              <a:t>Andre nivå</a:t>
            </a:r>
          </a:p>
          <a:p>
            <a:pPr lvl="2"/>
            <a:r>
              <a:rPr lang="nb-NO"/>
              <a:t>Tredje nivå</a:t>
            </a:r>
          </a:p>
          <a:p>
            <a:pPr lvl="3"/>
            <a:r>
              <a:rPr lang="nb-NO"/>
              <a:t>Fjerde nivå</a:t>
            </a:r>
          </a:p>
          <a:p>
            <a:pPr lvl="4"/>
            <a:r>
              <a:rPr lang="nb-NO"/>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8" y="6354538"/>
            <a:ext cx="3488120" cy="193899"/>
          </a:xfrm>
          <a:prstGeom prst="rect">
            <a:avLst/>
          </a:prstGeom>
        </p:spPr>
        <p:txBody>
          <a:bodyPr vert="horz" lIns="0" tIns="0" rIns="0" bIns="0" rtlCol="0" anchor="ctr">
            <a:noAutofit/>
          </a:bodyPr>
          <a:lstStyle>
            <a:lvl1pPr algn="r">
              <a:defRPr sz="1400">
                <a:solidFill>
                  <a:schemeClr val="tx2"/>
                </a:solidFill>
              </a:defRPr>
            </a:lvl1pPr>
          </a:lstStyle>
          <a:p>
            <a:r>
              <a:rPr lang="en-US"/>
              <a:t>Technology for a better society</a:t>
            </a:r>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21">
            <a:extLst>
              <a:ext uri="{96DAC541-7B7A-43D3-8B79-37D633B846F1}">
                <asvg:svgBlip xmlns:asvg="http://schemas.microsoft.com/office/drawing/2016/SVG/main" r:embed="rId22"/>
              </a:ext>
            </a:extLst>
          </a:blip>
          <a:stretch>
            <a:fillRect/>
          </a:stretch>
        </p:blipFill>
        <p:spPr>
          <a:xfrm>
            <a:off x="720090" y="0"/>
            <a:ext cx="1096735" cy="1304666"/>
          </a:xfrm>
          <a:prstGeom prst="rect">
            <a:avLst/>
          </a:prstGeom>
        </p:spPr>
      </p:pic>
      <p:sp>
        <p:nvSpPr>
          <p:cNvPr id="8" name="Slide Number Placeholder 7">
            <a:extLst>
              <a:ext uri="{FF2B5EF4-FFF2-40B4-BE49-F238E27FC236}">
                <a16:creationId xmlns:a16="http://schemas.microsoft.com/office/drawing/2014/main" id="{37BA7305-638B-3249-16EB-C932905557C7}"/>
              </a:ext>
            </a:extLst>
          </p:cNvPr>
          <p:cNvSpPr>
            <a:spLocks noGrp="1"/>
          </p:cNvSpPr>
          <p:nvPr>
            <p:ph type="sldNum" sz="quarter" idx="4"/>
          </p:nvPr>
        </p:nvSpPr>
        <p:spPr>
          <a:xfrm>
            <a:off x="720089" y="6354535"/>
            <a:ext cx="3424012" cy="215444"/>
          </a:xfrm>
          <a:prstGeom prst="rect">
            <a:avLst/>
          </a:prstGeom>
        </p:spPr>
        <p:txBody>
          <a:bodyPr vert="horz" lIns="0" tIns="0" rIns="0" bIns="0" rtlCol="0" anchor="ctr"/>
          <a:lstStyle>
            <a:lvl1pPr algn="l">
              <a:defRPr sz="1400">
                <a:solidFill>
                  <a:schemeClr val="tx2"/>
                </a:solidFill>
              </a:defRPr>
            </a:lvl1pPr>
          </a:lstStyle>
          <a:p>
            <a:fld id="{B28577EF-26A1-4248-AC55-7ADFDAB26891}" type="slidenum">
              <a:rPr lang="en-GB" smtClean="0"/>
              <a:pPr/>
              <a:t>‹#›</a:t>
            </a:fld>
            <a:endParaRPr lang="en-GB"/>
          </a:p>
        </p:txBody>
      </p:sp>
      <p:sp>
        <p:nvSpPr>
          <p:cNvPr id="9" name="Date Placeholder 8">
            <a:extLst>
              <a:ext uri="{FF2B5EF4-FFF2-40B4-BE49-F238E27FC236}">
                <a16:creationId xmlns:a16="http://schemas.microsoft.com/office/drawing/2014/main" id="{217791FF-8345-9E43-AA1B-1E129F7B9BAA}"/>
              </a:ext>
            </a:extLst>
          </p:cNvPr>
          <p:cNvSpPr>
            <a:spLocks noGrp="1"/>
          </p:cNvSpPr>
          <p:nvPr>
            <p:ph type="dt" sz="half" idx="2"/>
          </p:nvPr>
        </p:nvSpPr>
        <p:spPr>
          <a:xfrm>
            <a:off x="4711700" y="6354535"/>
            <a:ext cx="2743200" cy="215444"/>
          </a:xfrm>
          <a:prstGeom prst="rect">
            <a:avLst/>
          </a:prstGeom>
        </p:spPr>
        <p:txBody>
          <a:bodyPr vert="horz" lIns="91440" tIns="45720" rIns="91440" bIns="45720" rtlCol="0" anchor="ctr"/>
          <a:lstStyle>
            <a:lvl1pPr algn="ctr">
              <a:defRPr sz="1400">
                <a:solidFill>
                  <a:schemeClr val="tx2"/>
                </a:solidFill>
              </a:defRPr>
            </a:lvl1pPr>
          </a:lstStyle>
          <a:p>
            <a:endParaRPr lang="en-GB"/>
          </a:p>
        </p:txBody>
      </p:sp>
    </p:spTree>
    <p:extLst>
      <p:ext uri="{BB962C8B-B14F-4D97-AF65-F5344CB8AC3E}">
        <p14:creationId xmlns:p14="http://schemas.microsoft.com/office/powerpoint/2010/main" val="750743933"/>
      </p:ext>
    </p:extLst>
  </p:cSld>
  <p:clrMap bg1="lt1" tx1="dk1" bg2="lt2" tx2="dk2" accent1="accent1" accent2="accent2" accent3="accent3" accent4="accent4" accent5="accent5" accent6="accent6" hlink="hlink" folHlink="folHlink"/>
  <p:sldLayoutIdLst>
    <p:sldLayoutId id="2147483748" r:id="rId1"/>
    <p:sldLayoutId id="2147483660" r:id="rId2"/>
    <p:sldLayoutId id="2147483688" r:id="rId3"/>
    <p:sldLayoutId id="2147483670" r:id="rId4"/>
    <p:sldLayoutId id="2147483795" r:id="rId5"/>
    <p:sldLayoutId id="2147483650" r:id="rId6"/>
    <p:sldLayoutId id="2147483661" r:id="rId7"/>
    <p:sldLayoutId id="2147483704" r:id="rId8"/>
    <p:sldLayoutId id="2147483692" r:id="rId9"/>
    <p:sldLayoutId id="2147483705" r:id="rId10"/>
    <p:sldLayoutId id="2147483714" r:id="rId11"/>
    <p:sldLayoutId id="2147483697" r:id="rId12"/>
    <p:sldLayoutId id="2147483715" r:id="rId13"/>
    <p:sldLayoutId id="2147483717" r:id="rId14"/>
    <p:sldLayoutId id="2147483749" r:id="rId15"/>
    <p:sldLayoutId id="2147483790" r:id="rId16"/>
    <p:sldLayoutId id="2147483696" r:id="rId17"/>
    <p:sldLayoutId id="2147483789" r:id="rId18"/>
    <p:sldLayoutId id="2147483668" r:id="rId19"/>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9407975" cy="1051168"/>
          </a:xfrm>
          <a:prstGeom prst="rect">
            <a:avLst/>
          </a:prstGeom>
        </p:spPr>
        <p:txBody>
          <a:bodyPr vert="horz" lIns="0" tIns="0" rIns="0" bIns="0" rtlCol="0" anchor="b">
            <a:noAutofit/>
          </a:bodyPr>
          <a:lstStyle/>
          <a:p>
            <a:r>
              <a:rPr lang="nb-NO" err="1"/>
              <a:t>Click</a:t>
            </a:r>
            <a:r>
              <a:rPr lang="nb-NO"/>
              <a:t> to </a:t>
            </a:r>
            <a:r>
              <a:rPr lang="nb-NO" err="1"/>
              <a:t>add</a:t>
            </a:r>
            <a:r>
              <a:rPr lang="nb-NO"/>
              <a:t> </a:t>
            </a:r>
            <a:r>
              <a:rPr lang="nb-NO" err="1"/>
              <a:t>title</a:t>
            </a:r>
            <a:endParaRPr lang="nb-NO"/>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10752428"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8" y="6354539"/>
            <a:ext cx="3488119" cy="193899"/>
          </a:xfrm>
          <a:prstGeom prst="rect">
            <a:avLst/>
          </a:prstGeom>
        </p:spPr>
        <p:txBody>
          <a:bodyPr vert="horz" lIns="0" tIns="0" rIns="0" bIns="0" rtlCol="0" anchor="ctr">
            <a:noAutofit/>
          </a:bodyPr>
          <a:lstStyle>
            <a:lvl1pPr algn="l">
              <a:defRPr sz="1400">
                <a:solidFill>
                  <a:schemeClr val="bg1"/>
                </a:solidFill>
              </a:defRPr>
            </a:lvl1pPr>
          </a:lstStyle>
          <a:p>
            <a:pPr algn="r"/>
            <a:r>
              <a:rPr lang="en-US"/>
              <a:t>Technology for a better society</a:t>
            </a:r>
            <a:endParaRPr lang="nb-NO"/>
          </a:p>
        </p:txBody>
      </p:sp>
      <p:pic>
        <p:nvPicPr>
          <p:cNvPr id="6" name="Graphic 5">
            <a:extLst>
              <a:ext uri="{FF2B5EF4-FFF2-40B4-BE49-F238E27FC236}">
                <a16:creationId xmlns:a16="http://schemas.microsoft.com/office/drawing/2014/main" id="{3FEE7967-53CC-4021-BDEB-20FE13A57324}"/>
              </a:ext>
            </a:extLst>
          </p:cNvPr>
          <p:cNvPicPr>
            <a:picLocks noChangeAspect="1"/>
          </p:cNvPicPr>
          <p:nvPr userDrawn="1"/>
        </p:nvPicPr>
        <p:blipFill>
          <a:blip r:embed="rId20">
            <a:extLst>
              <a:ext uri="{96DAC541-7B7A-43D3-8B79-37D633B846F1}">
                <asvg:svgBlip xmlns:asvg="http://schemas.microsoft.com/office/drawing/2016/SVG/main" r:embed="rId21"/>
              </a:ext>
            </a:extLst>
          </a:blip>
          <a:stretch>
            <a:fillRect/>
          </a:stretch>
        </p:blipFill>
        <p:spPr>
          <a:xfrm>
            <a:off x="720091" y="-1"/>
            <a:ext cx="1099919" cy="1304666"/>
          </a:xfrm>
          <a:prstGeom prst="rect">
            <a:avLst/>
          </a:prstGeom>
        </p:spPr>
      </p:pic>
      <p:sp>
        <p:nvSpPr>
          <p:cNvPr id="4" name="Date Placeholder 3">
            <a:extLst>
              <a:ext uri="{FF2B5EF4-FFF2-40B4-BE49-F238E27FC236}">
                <a16:creationId xmlns:a16="http://schemas.microsoft.com/office/drawing/2014/main" id="{CA3087F5-780A-2366-343B-D7A1B7EC2D55}"/>
              </a:ext>
            </a:extLst>
          </p:cNvPr>
          <p:cNvSpPr>
            <a:spLocks noGrp="1"/>
          </p:cNvSpPr>
          <p:nvPr>
            <p:ph type="dt" sz="half" idx="2"/>
          </p:nvPr>
        </p:nvSpPr>
        <p:spPr>
          <a:xfrm>
            <a:off x="4711700" y="6354535"/>
            <a:ext cx="2743200" cy="215444"/>
          </a:xfrm>
          <a:prstGeom prst="rect">
            <a:avLst/>
          </a:prstGeom>
        </p:spPr>
        <p:txBody>
          <a:bodyPr vert="horz" lIns="0" tIns="0" rIns="0" bIns="0" rtlCol="0" anchor="ctr"/>
          <a:lstStyle>
            <a:lvl1pPr algn="ctr">
              <a:defRPr sz="1400">
                <a:solidFill>
                  <a:schemeClr val="bg1"/>
                </a:solidFill>
              </a:defRPr>
            </a:lvl1pPr>
          </a:lstStyle>
          <a:p>
            <a:endParaRPr lang="en-GB"/>
          </a:p>
        </p:txBody>
      </p:sp>
      <p:sp>
        <p:nvSpPr>
          <p:cNvPr id="10" name="Slide Number Placeholder 9">
            <a:extLst>
              <a:ext uri="{FF2B5EF4-FFF2-40B4-BE49-F238E27FC236}">
                <a16:creationId xmlns:a16="http://schemas.microsoft.com/office/drawing/2014/main" id="{D8D9D493-117B-7A58-6E5A-2515C87497CB}"/>
              </a:ext>
            </a:extLst>
          </p:cNvPr>
          <p:cNvSpPr>
            <a:spLocks noGrp="1"/>
          </p:cNvSpPr>
          <p:nvPr>
            <p:ph type="sldNum" sz="quarter" idx="4"/>
          </p:nvPr>
        </p:nvSpPr>
        <p:spPr>
          <a:xfrm>
            <a:off x="720089" y="6354535"/>
            <a:ext cx="3424012" cy="215444"/>
          </a:xfrm>
          <a:prstGeom prst="rect">
            <a:avLst/>
          </a:prstGeom>
        </p:spPr>
        <p:txBody>
          <a:bodyPr vert="horz" lIns="0" tIns="0" rIns="0" bIns="0" rtlCol="0" anchor="ctr"/>
          <a:lstStyle>
            <a:lvl1pPr algn="l">
              <a:defRPr sz="1400">
                <a:solidFill>
                  <a:schemeClr val="bg1"/>
                </a:solidFill>
              </a:defRPr>
            </a:lvl1pPr>
          </a:lstStyle>
          <a:p>
            <a:fld id="{8BBD0072-14BB-4BD4-ABEF-A76685C831B5}" type="slidenum">
              <a:rPr lang="en-GB" smtClean="0"/>
              <a:pPr/>
              <a:t>‹#›</a:t>
            </a:fld>
            <a:endParaRPr lang="en-GB"/>
          </a:p>
        </p:txBody>
      </p:sp>
    </p:spTree>
    <p:extLst>
      <p:ext uri="{BB962C8B-B14F-4D97-AF65-F5344CB8AC3E}">
        <p14:creationId xmlns:p14="http://schemas.microsoft.com/office/powerpoint/2010/main" val="2243831206"/>
      </p:ext>
    </p:extLst>
  </p:cSld>
  <p:clrMap bg1="lt1" tx1="dk1" bg2="lt2" tx2="dk2" accent1="accent1" accent2="accent2" accent3="accent3" accent4="accent4" accent5="accent5" accent6="accent6" hlink="hlink" folHlink="folHlink"/>
  <p:sldLayoutIdLst>
    <p:sldLayoutId id="2147483768" r:id="rId1"/>
    <p:sldLayoutId id="2147483770" r:id="rId2"/>
    <p:sldLayoutId id="2147483771" r:id="rId3"/>
    <p:sldLayoutId id="2147483772" r:id="rId4"/>
    <p:sldLayoutId id="2147483796" r:id="rId5"/>
    <p:sldLayoutId id="2147483773" r:id="rId6"/>
    <p:sldLayoutId id="2147483774" r:id="rId7"/>
    <p:sldLayoutId id="2147483775" r:id="rId8"/>
    <p:sldLayoutId id="2147483776" r:id="rId9"/>
    <p:sldLayoutId id="2147483777" r:id="rId10"/>
    <p:sldLayoutId id="2147483778" r:id="rId11"/>
    <p:sldLayoutId id="2147483779" r:id="rId12"/>
    <p:sldLayoutId id="2147483780" r:id="rId13"/>
    <p:sldLayoutId id="2147483781" r:id="rId14"/>
    <p:sldLayoutId id="2147483782" r:id="rId15"/>
    <p:sldLayoutId id="2147483783" r:id="rId16"/>
    <p:sldLayoutId id="2147483791" r:id="rId17"/>
    <p:sldLayoutId id="2147483784" r:id="rId18"/>
  </p:sldLayoutIdLst>
  <p:hf sldNum="0" hdr="0" dt="0"/>
  <p:txStyles>
    <p:titleStyle>
      <a:lvl1pPr algn="l" defTabSz="914400" rtl="0" eaLnBrk="1" latinLnBrk="0" hangingPunct="1">
        <a:lnSpc>
          <a:spcPct val="90000"/>
        </a:lnSpc>
        <a:spcBef>
          <a:spcPct val="0"/>
        </a:spcBef>
        <a:buNone/>
        <a:defRPr sz="3850" b="1" kern="1200">
          <a:solidFill>
            <a:schemeClr val="bg1"/>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bg1"/>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bg1"/>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bg1"/>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bg1"/>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bg1"/>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r>
              <a:rPr lang="nb-NO" err="1"/>
              <a:t>Click</a:t>
            </a:r>
            <a:r>
              <a:rPr lang="nb-NO"/>
              <a:t> to </a:t>
            </a:r>
            <a:r>
              <a:rPr lang="nb-NO" err="1"/>
              <a:t>add</a:t>
            </a:r>
            <a:r>
              <a:rPr lang="nb-NO"/>
              <a:t> </a:t>
            </a:r>
            <a:r>
              <a:rPr lang="nb-NO" err="1"/>
              <a:t>title</a:t>
            </a:r>
            <a:endParaRPr lang="nb-NO"/>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4711699" y="6354535"/>
            <a:ext cx="2743200" cy="215444"/>
          </a:xfrm>
          <a:prstGeom prst="rect">
            <a:avLst/>
          </a:prstGeom>
        </p:spPr>
        <p:txBody>
          <a:bodyPr vert="horz" lIns="0" tIns="0" rIns="0" bIns="0" rtlCol="0" anchor="ctr">
            <a:noAutofit/>
          </a:bodyPr>
          <a:lstStyle>
            <a:lvl1pPr algn="ctr">
              <a:defRPr sz="1400">
                <a:solidFill>
                  <a:schemeClr val="bg1"/>
                </a:solidFill>
              </a:defRPr>
            </a:lvl1pPr>
          </a:lstStyle>
          <a:p>
            <a:endParaRPr lang="nb-NO"/>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9" y="6354539"/>
            <a:ext cx="3424012" cy="193899"/>
          </a:xfrm>
          <a:prstGeom prst="rect">
            <a:avLst/>
          </a:prstGeom>
        </p:spPr>
        <p:txBody>
          <a:bodyPr vert="horz" lIns="0" tIns="0" rIns="0" bIns="0" rtlCol="0" anchor="ctr">
            <a:noAutofit/>
          </a:bodyPr>
          <a:lstStyle>
            <a:lvl1pPr algn="l">
              <a:defRPr sz="1400">
                <a:solidFill>
                  <a:schemeClr val="bg1"/>
                </a:solidFill>
              </a:defRPr>
            </a:lvl1pPr>
          </a:lstStyle>
          <a:p>
            <a:pPr algn="r"/>
            <a:r>
              <a:rPr lang="en-US"/>
              <a:t>Technology for a better society</a:t>
            </a:r>
            <a:endParaRPr lang="nb-NO"/>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720089" y="6354535"/>
            <a:ext cx="3424012" cy="215444"/>
          </a:xfrm>
          <a:prstGeom prst="rect">
            <a:avLst/>
          </a:prstGeom>
        </p:spPr>
        <p:txBody>
          <a:bodyPr vert="horz" lIns="0" tIns="0" rIns="0" bIns="0" rtlCol="0" anchor="ctr">
            <a:noAutofit/>
          </a:bodyPr>
          <a:lstStyle>
            <a:lvl1pPr algn="r">
              <a:defRPr sz="1400">
                <a:solidFill>
                  <a:schemeClr val="bg1"/>
                </a:solidFill>
              </a:defRPr>
            </a:lvl1pPr>
          </a:lstStyle>
          <a:p>
            <a:pPr algn="l"/>
            <a:fld id="{E344FE64-9673-4E6C-96FF-C6B9E6BF336F}" type="slidenum">
              <a:rPr lang="nb-NO" smtClean="0"/>
              <a:pPr algn="l"/>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2">
            <a:extLst>
              <a:ext uri="{96DAC541-7B7A-43D3-8B79-37D633B846F1}">
                <asvg:svgBlip xmlns:asvg="http://schemas.microsoft.com/office/drawing/2016/SVG/main" r:embed="rId13"/>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2269285815"/>
      </p:ext>
    </p:extLst>
  </p:cSld>
  <p:clrMap bg1="lt1" tx1="dk1" bg2="lt2" tx2="dk2" accent1="accent1" accent2="accent2" accent3="accent3" accent4="accent4" accent5="accent5" accent6="accent6" hlink="hlink" folHlink="folHlink"/>
  <p:sldLayoutIdLst>
    <p:sldLayoutId id="2147483707" r:id="rId1"/>
    <p:sldLayoutId id="2147483708" r:id="rId2"/>
    <p:sldLayoutId id="2147483793" r:id="rId3"/>
    <p:sldLayoutId id="2147483710" r:id="rId4"/>
    <p:sldLayoutId id="2147483709" r:id="rId5"/>
    <p:sldLayoutId id="2147483711" r:id="rId6"/>
    <p:sldLayoutId id="2147483712" r:id="rId7"/>
    <p:sldLayoutId id="2147483792" r:id="rId8"/>
    <p:sldLayoutId id="2147483713" r:id="rId9"/>
    <p:sldLayoutId id="2147483794" r:id="rId10"/>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accent2"/>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accent2"/>
        </a:buClr>
        <a:buFont typeface="Arial" panose="020B060402020202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accent2"/>
        </a:buClr>
        <a:buFont typeface="Arial" panose="020B0604020202020204" pitchFamily="34" charset="0"/>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accent2"/>
        </a:buClr>
        <a:buFont typeface="Arial" panose="020B0604020202020204" pitchFamily="34" charset="0"/>
        <a:buChar char="•"/>
        <a:defRPr sz="1600" kern="1200">
          <a:solidFill>
            <a:schemeClr val="tx2"/>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accent2"/>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customXml" Target="../ink/ink1.xml"/><Relationship Id="rId2" Type="http://schemas.openxmlformats.org/officeDocument/2006/relationships/notesSlide" Target="../notesSlides/notesSlide10.xml"/><Relationship Id="rId1" Type="http://schemas.openxmlformats.org/officeDocument/2006/relationships/slideLayout" Target="../slideLayouts/slideLayout4.xml"/><Relationship Id="rId5" Type="http://schemas.openxmlformats.org/officeDocument/2006/relationships/image" Target="../media/image31.png"/><Relationship Id="rId4" Type="http://schemas.openxmlformats.org/officeDocument/2006/relationships/image" Target="../media/image30.png"/></Relationships>
</file>

<file path=ppt/slides/_rels/slide12.xml.rels><?xml version="1.0" encoding="UTF-8" standalone="yes"?>
<Relationships xmlns="http://schemas.openxmlformats.org/package/2006/relationships"><Relationship Id="rId3" Type="http://schemas.openxmlformats.org/officeDocument/2006/relationships/image" Target="../media/image32.png"/><Relationship Id="rId7" Type="http://schemas.openxmlformats.org/officeDocument/2006/relationships/image" Target="../media/image36.png"/><Relationship Id="rId2" Type="http://schemas.openxmlformats.org/officeDocument/2006/relationships/notesSlide" Target="../notesSlides/notesSlide11.xml"/><Relationship Id="rId1" Type="http://schemas.openxmlformats.org/officeDocument/2006/relationships/slideLayout" Target="../slideLayouts/slideLayout4.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png"/></Relationships>
</file>

<file path=ppt/slides/_rels/slide13.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12.xml"/><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9.xml"/><Relationship Id="rId1" Type="http://schemas.openxmlformats.org/officeDocument/2006/relationships/tags" Target="../tags/tag3.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7" Type="http://schemas.openxmlformats.org/officeDocument/2006/relationships/image" Target="../media/image14.png"/><Relationship Id="rId2" Type="http://schemas.openxmlformats.org/officeDocument/2006/relationships/slideLayout" Target="../slideLayouts/slideLayout4.xml"/><Relationship Id="rId1" Type="http://schemas.openxmlformats.org/officeDocument/2006/relationships/tags" Target="../tags/tag2.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jpeg"/></Relationships>
</file>

<file path=ppt/slides/_rels/slide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3.xml"/><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5.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4.xml"/><Relationship Id="rId1" Type="http://schemas.openxmlformats.org/officeDocument/2006/relationships/slideLayout" Target="../slideLayouts/slideLayout4.xml"/><Relationship Id="rId5" Type="http://schemas.openxmlformats.org/officeDocument/2006/relationships/image" Target="../media/image17.png"/><Relationship Id="rId4" Type="http://schemas.openxmlformats.org/officeDocument/2006/relationships/image" Target="../media/image16.png"/></Relationships>
</file>

<file path=ppt/slides/_rels/slide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5.xml"/><Relationship Id="rId1" Type="http://schemas.openxmlformats.org/officeDocument/2006/relationships/slideLayout" Target="../slideLayouts/slideLayout4.xml"/><Relationship Id="rId5" Type="http://schemas.openxmlformats.org/officeDocument/2006/relationships/image" Target="../media/image20.png"/><Relationship Id="rId4" Type="http://schemas.openxmlformats.org/officeDocument/2006/relationships/image" Target="../media/image19.png"/></Relationships>
</file>

<file path=ppt/slides/_rels/slide7.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image" Target="../media/image21.png"/><Relationship Id="rId7" Type="http://schemas.openxmlformats.org/officeDocument/2006/relationships/image" Target="../media/image25.png"/><Relationship Id="rId2" Type="http://schemas.openxmlformats.org/officeDocument/2006/relationships/notesSlide" Target="../notesSlides/notesSlide6.xml"/><Relationship Id="rId1" Type="http://schemas.openxmlformats.org/officeDocument/2006/relationships/slideLayout" Target="../slideLayouts/slideLayout4.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 Id="rId9" Type="http://schemas.openxmlformats.org/officeDocument/2006/relationships/image" Target="../media/image27.png"/></Relationships>
</file>

<file path=ppt/slides/_rels/slide8.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7.xml"/><Relationship Id="rId1" Type="http://schemas.openxmlformats.org/officeDocument/2006/relationships/slideLayout" Target="../slideLayouts/slideLayout4.xml"/><Relationship Id="rId4" Type="http://schemas.openxmlformats.org/officeDocument/2006/relationships/image" Target="../media/image29.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A2A4A9BC-13EE-DC36-F827-BF2DEF7F281C}"/>
              </a:ext>
            </a:extLst>
          </p:cNvPr>
          <p:cNvSpPr>
            <a:spLocks noGrp="1"/>
          </p:cNvSpPr>
          <p:nvPr>
            <p:ph type="pic" sz="quarter" idx="13"/>
          </p:nvPr>
        </p:nvSpPr>
        <p:spPr/>
      </p:sp>
      <p:sp>
        <p:nvSpPr>
          <p:cNvPr id="11" name="Text Placeholder 10">
            <a:extLst>
              <a:ext uri="{FF2B5EF4-FFF2-40B4-BE49-F238E27FC236}">
                <a16:creationId xmlns:a16="http://schemas.microsoft.com/office/drawing/2014/main" id="{36B71C4A-5C5B-0F89-7D30-6D0352D8EE5D}"/>
              </a:ext>
            </a:extLst>
          </p:cNvPr>
          <p:cNvSpPr>
            <a:spLocks noGrp="1"/>
          </p:cNvSpPr>
          <p:nvPr>
            <p:ph type="body" sz="quarter" idx="20"/>
          </p:nvPr>
        </p:nvSpPr>
        <p:spPr/>
        <p:txBody>
          <a:bodyPr/>
          <a:lstStyle/>
          <a:p>
            <a:endParaRPr lang="en-GB"/>
          </a:p>
        </p:txBody>
      </p:sp>
      <p:sp>
        <p:nvSpPr>
          <p:cNvPr id="9" name="Subtitle 8">
            <a:extLst>
              <a:ext uri="{FF2B5EF4-FFF2-40B4-BE49-F238E27FC236}">
                <a16:creationId xmlns:a16="http://schemas.microsoft.com/office/drawing/2014/main" id="{6A3DDAB3-5855-3F9D-CF22-7CB003F2AEEC}"/>
              </a:ext>
            </a:extLst>
          </p:cNvPr>
          <p:cNvSpPr>
            <a:spLocks noGrp="1"/>
          </p:cNvSpPr>
          <p:nvPr>
            <p:ph type="subTitle" idx="1"/>
          </p:nvPr>
        </p:nvSpPr>
        <p:spPr/>
        <p:txBody>
          <a:bodyPr/>
          <a:lstStyle/>
          <a:p>
            <a:r>
              <a:rPr lang="en-GB"/>
              <a:t>Mathematics and Cybernetics</a:t>
            </a:r>
          </a:p>
          <a:p>
            <a:r>
              <a:rPr lang="en-GB"/>
              <a:t>- Erlend </a:t>
            </a:r>
            <a:r>
              <a:rPr lang="en-GB" err="1"/>
              <a:t>Syljuåsen</a:t>
            </a:r>
            <a:r>
              <a:rPr lang="en-GB"/>
              <a:t>, Vetle Nevland</a:t>
            </a:r>
          </a:p>
        </p:txBody>
      </p:sp>
      <p:sp>
        <p:nvSpPr>
          <p:cNvPr id="8" name="Title 7">
            <a:extLst>
              <a:ext uri="{FF2B5EF4-FFF2-40B4-BE49-F238E27FC236}">
                <a16:creationId xmlns:a16="http://schemas.microsoft.com/office/drawing/2014/main" id="{C3A916A5-A7C2-F8EF-076B-B6AB54753A46}"/>
              </a:ext>
            </a:extLst>
          </p:cNvPr>
          <p:cNvSpPr>
            <a:spLocks noGrp="1"/>
          </p:cNvSpPr>
          <p:nvPr>
            <p:ph type="ctrTitle"/>
          </p:nvPr>
        </p:nvSpPr>
        <p:spPr>
          <a:xfrm>
            <a:off x="720089" y="3664809"/>
            <a:ext cx="4508009" cy="1066446"/>
          </a:xfrm>
        </p:spPr>
        <p:txBody>
          <a:bodyPr/>
          <a:lstStyle/>
          <a:p>
            <a:r>
              <a:rPr lang="en-GB"/>
              <a:t>Computational Geosciences</a:t>
            </a:r>
          </a:p>
        </p:txBody>
      </p:sp>
      <p:sp>
        <p:nvSpPr>
          <p:cNvPr id="5" name="Plassholder for bunntekst 4">
            <a:extLst>
              <a:ext uri="{FF2B5EF4-FFF2-40B4-BE49-F238E27FC236}">
                <a16:creationId xmlns:a16="http://schemas.microsoft.com/office/drawing/2014/main" id="{33084687-7221-0946-B72A-2F8C5E8AA6EB}"/>
              </a:ext>
            </a:extLst>
          </p:cNvPr>
          <p:cNvSpPr>
            <a:spLocks noGrp="1"/>
          </p:cNvSpPr>
          <p:nvPr>
            <p:ph type="ftr" sz="quarter" idx="22"/>
          </p:nvPr>
        </p:nvSpPr>
        <p:spPr/>
        <p:txBody>
          <a:bodyPr/>
          <a:lstStyle/>
          <a:p>
            <a:r>
              <a:rPr lang="en-US"/>
              <a:t>Technology for a better society</a:t>
            </a:r>
            <a:endParaRPr lang="nb-NO"/>
          </a:p>
        </p:txBody>
      </p:sp>
    </p:spTree>
    <p:custDataLst>
      <p:tags r:id="rId1"/>
    </p:custDataLst>
    <p:extLst>
      <p:ext uri="{BB962C8B-B14F-4D97-AF65-F5344CB8AC3E}">
        <p14:creationId xmlns:p14="http://schemas.microsoft.com/office/powerpoint/2010/main" val="36195487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AC599D6-6469-5817-DEF0-AC2117790B91}"/>
              </a:ext>
            </a:extLst>
          </p:cNvPr>
          <p:cNvSpPr>
            <a:spLocks noGrp="1"/>
          </p:cNvSpPr>
          <p:nvPr>
            <p:ph type="title"/>
          </p:nvPr>
        </p:nvSpPr>
        <p:spPr>
          <a:xfrm>
            <a:off x="2102644" y="379964"/>
            <a:ext cx="10007579" cy="1051168"/>
          </a:xfrm>
        </p:spPr>
        <p:txBody>
          <a:bodyPr/>
          <a:lstStyle/>
          <a:p>
            <a:r>
              <a:rPr lang="nb-NO">
                <a:ea typeface="Calibri"/>
                <a:cs typeface="Calibri"/>
              </a:rPr>
              <a:t>QAOA-</a:t>
            </a:r>
            <a:br>
              <a:rPr lang="nb-NO">
                <a:ea typeface="Calibri"/>
                <a:cs typeface="Calibri"/>
              </a:rPr>
            </a:br>
            <a:r>
              <a:rPr lang="nb-NO">
                <a:ea typeface="Calibri"/>
                <a:cs typeface="Calibri"/>
              </a:rPr>
              <a:t>Quantum </a:t>
            </a:r>
            <a:r>
              <a:rPr lang="nb-NO" err="1">
                <a:ea typeface="Calibri"/>
                <a:cs typeface="Calibri"/>
              </a:rPr>
              <a:t>Approximate</a:t>
            </a:r>
            <a:r>
              <a:rPr lang="nb-NO">
                <a:ea typeface="Calibri"/>
                <a:cs typeface="Calibri"/>
              </a:rPr>
              <a:t> </a:t>
            </a:r>
            <a:r>
              <a:rPr lang="nb-NO" err="1">
                <a:ea typeface="Calibri"/>
                <a:cs typeface="Calibri"/>
              </a:rPr>
              <a:t>Optimization</a:t>
            </a:r>
            <a:r>
              <a:rPr lang="nb-NO">
                <a:ea typeface="Calibri"/>
                <a:cs typeface="Calibri"/>
              </a:rPr>
              <a:t> </a:t>
            </a:r>
            <a:r>
              <a:rPr lang="nb-NO" err="1">
                <a:ea typeface="Calibri"/>
                <a:cs typeface="Calibri"/>
              </a:rPr>
              <a:t>Algorithm</a:t>
            </a:r>
            <a:endParaRPr lang="nb-NO" err="1"/>
          </a:p>
        </p:txBody>
      </p:sp>
      <p:sp>
        <p:nvSpPr>
          <p:cNvPr id="3" name="Plassholder for tekst 2">
            <a:extLst>
              <a:ext uri="{FF2B5EF4-FFF2-40B4-BE49-F238E27FC236}">
                <a16:creationId xmlns:a16="http://schemas.microsoft.com/office/drawing/2014/main" id="{1475C74B-2B11-E30D-6187-B1699FE322FB}"/>
              </a:ext>
            </a:extLst>
          </p:cNvPr>
          <p:cNvSpPr>
            <a:spLocks noGrp="1"/>
          </p:cNvSpPr>
          <p:nvPr>
            <p:ph type="body" sz="quarter" idx="12"/>
          </p:nvPr>
        </p:nvSpPr>
        <p:spPr>
          <a:xfrm>
            <a:off x="718775" y="2101363"/>
            <a:ext cx="10752429" cy="3910012"/>
          </a:xfrm>
        </p:spPr>
        <p:txBody>
          <a:bodyPr vert="horz" lIns="0" tIns="0" rIns="0" bIns="0" rtlCol="0" anchor="t">
            <a:normAutofit/>
          </a:bodyPr>
          <a:lstStyle/>
          <a:p>
            <a:r>
              <a:rPr lang="nb-NO" err="1">
                <a:latin typeface="Calibri Light"/>
                <a:ea typeface="Calibri Light"/>
                <a:cs typeface="Calibri Light"/>
              </a:rPr>
              <a:t>Combinatorial</a:t>
            </a:r>
            <a:r>
              <a:rPr lang="nb-NO">
                <a:latin typeface="Calibri Light"/>
                <a:ea typeface="Calibri Light"/>
                <a:cs typeface="Calibri Light"/>
              </a:rPr>
              <a:t> </a:t>
            </a:r>
            <a:r>
              <a:rPr lang="nb-NO" err="1">
                <a:latin typeface="Calibri Light"/>
                <a:ea typeface="Calibri Light"/>
                <a:cs typeface="Calibri Light"/>
              </a:rPr>
              <a:t>optimization</a:t>
            </a:r>
            <a:r>
              <a:rPr lang="nb-NO">
                <a:latin typeface="Calibri Light"/>
                <a:ea typeface="Calibri Light"/>
                <a:cs typeface="Calibri Light"/>
              </a:rPr>
              <a:t> problems</a:t>
            </a:r>
          </a:p>
          <a:p>
            <a:endParaRPr lang="nb-NO">
              <a:ea typeface="Calibri Light"/>
            </a:endParaRPr>
          </a:p>
          <a:p>
            <a:pPr marL="0" indent="0">
              <a:buNone/>
            </a:pPr>
            <a:endParaRPr lang="nb-NO">
              <a:ea typeface="Calibri Light"/>
            </a:endParaRPr>
          </a:p>
        </p:txBody>
      </p:sp>
      <p:sp>
        <p:nvSpPr>
          <p:cNvPr id="4" name="Plassholder for bunntekst 3">
            <a:extLst>
              <a:ext uri="{FF2B5EF4-FFF2-40B4-BE49-F238E27FC236}">
                <a16:creationId xmlns:a16="http://schemas.microsoft.com/office/drawing/2014/main" id="{27BAB749-C269-C33C-0757-9E727000D985}"/>
              </a:ext>
            </a:extLst>
          </p:cNvPr>
          <p:cNvSpPr>
            <a:spLocks noGrp="1"/>
          </p:cNvSpPr>
          <p:nvPr>
            <p:ph type="ftr" sz="quarter" idx="14"/>
          </p:nvPr>
        </p:nvSpPr>
        <p:spPr/>
        <p:txBody>
          <a:bodyPr/>
          <a:lstStyle/>
          <a:p>
            <a:r>
              <a:rPr lang="en-US"/>
              <a:t>Technology for a better society</a:t>
            </a:r>
            <a:endParaRPr lang="nb-NO"/>
          </a:p>
        </p:txBody>
      </p:sp>
      <p:cxnSp>
        <p:nvCxnSpPr>
          <p:cNvPr id="16" name="Rett pilkobling 15">
            <a:extLst>
              <a:ext uri="{FF2B5EF4-FFF2-40B4-BE49-F238E27FC236}">
                <a16:creationId xmlns:a16="http://schemas.microsoft.com/office/drawing/2014/main" id="{04A192A3-6F54-9603-0B46-7C9F908A6E15}"/>
              </a:ext>
            </a:extLst>
          </p:cNvPr>
          <p:cNvCxnSpPr/>
          <p:nvPr/>
        </p:nvCxnSpPr>
        <p:spPr>
          <a:xfrm flipV="1">
            <a:off x="7997441" y="2583018"/>
            <a:ext cx="1191845" cy="68385"/>
          </a:xfrm>
          <a:prstGeom prst="straightConnector1">
            <a:avLst/>
          </a:prstGeom>
        </p:spPr>
        <p:style>
          <a:lnRef idx="3">
            <a:schemeClr val="dk1"/>
          </a:lnRef>
          <a:fillRef idx="0">
            <a:schemeClr val="dk1"/>
          </a:fillRef>
          <a:effectRef idx="2">
            <a:schemeClr val="dk1"/>
          </a:effectRef>
          <a:fontRef idx="minor">
            <a:schemeClr val="tx1"/>
          </a:fontRef>
        </p:style>
      </p:cxnSp>
      <p:cxnSp>
        <p:nvCxnSpPr>
          <p:cNvPr id="17" name="Rett pilkobling 16">
            <a:extLst>
              <a:ext uri="{FF2B5EF4-FFF2-40B4-BE49-F238E27FC236}">
                <a16:creationId xmlns:a16="http://schemas.microsoft.com/office/drawing/2014/main" id="{2A09838D-5987-81C4-199C-E3FE284A71A0}"/>
              </a:ext>
            </a:extLst>
          </p:cNvPr>
          <p:cNvCxnSpPr>
            <a:cxnSpLocks/>
          </p:cNvCxnSpPr>
          <p:nvPr/>
        </p:nvCxnSpPr>
        <p:spPr>
          <a:xfrm>
            <a:off x="6786057" y="3413402"/>
            <a:ext cx="1221152" cy="390768"/>
          </a:xfrm>
          <a:prstGeom prst="straightConnector1">
            <a:avLst/>
          </a:prstGeom>
        </p:spPr>
        <p:style>
          <a:lnRef idx="3">
            <a:schemeClr val="dk1"/>
          </a:lnRef>
          <a:fillRef idx="0">
            <a:schemeClr val="dk1"/>
          </a:fillRef>
          <a:effectRef idx="2">
            <a:schemeClr val="dk1"/>
          </a:effectRef>
          <a:fontRef idx="minor">
            <a:schemeClr val="tx1"/>
          </a:fontRef>
        </p:style>
      </p:cxnSp>
      <p:cxnSp>
        <p:nvCxnSpPr>
          <p:cNvPr id="18" name="Rett pilkobling 17">
            <a:extLst>
              <a:ext uri="{FF2B5EF4-FFF2-40B4-BE49-F238E27FC236}">
                <a16:creationId xmlns:a16="http://schemas.microsoft.com/office/drawing/2014/main" id="{EC7C6FD8-1089-2434-896C-631FA7FCE948}"/>
              </a:ext>
            </a:extLst>
          </p:cNvPr>
          <p:cNvCxnSpPr>
            <a:cxnSpLocks/>
          </p:cNvCxnSpPr>
          <p:nvPr/>
        </p:nvCxnSpPr>
        <p:spPr>
          <a:xfrm flipV="1">
            <a:off x="6854440" y="2661172"/>
            <a:ext cx="1143000" cy="801076"/>
          </a:xfrm>
          <a:prstGeom prst="straightConnector1">
            <a:avLst/>
          </a:prstGeom>
        </p:spPr>
        <p:style>
          <a:lnRef idx="3">
            <a:schemeClr val="dk1"/>
          </a:lnRef>
          <a:fillRef idx="0">
            <a:schemeClr val="dk1"/>
          </a:fillRef>
          <a:effectRef idx="2">
            <a:schemeClr val="dk1"/>
          </a:effectRef>
          <a:fontRef idx="minor">
            <a:schemeClr val="tx1"/>
          </a:fontRef>
        </p:style>
      </p:cxnSp>
      <p:cxnSp>
        <p:nvCxnSpPr>
          <p:cNvPr id="19" name="Rett pilkobling 18">
            <a:extLst>
              <a:ext uri="{FF2B5EF4-FFF2-40B4-BE49-F238E27FC236}">
                <a16:creationId xmlns:a16="http://schemas.microsoft.com/office/drawing/2014/main" id="{17894D9A-EB38-D0FF-8081-BEB2C355DF88}"/>
              </a:ext>
            </a:extLst>
          </p:cNvPr>
          <p:cNvCxnSpPr>
            <a:cxnSpLocks/>
          </p:cNvCxnSpPr>
          <p:nvPr/>
        </p:nvCxnSpPr>
        <p:spPr>
          <a:xfrm flipV="1">
            <a:off x="7977902" y="2641633"/>
            <a:ext cx="39077" cy="1152769"/>
          </a:xfrm>
          <a:prstGeom prst="straightConnector1">
            <a:avLst/>
          </a:prstGeom>
        </p:spPr>
        <p:style>
          <a:lnRef idx="3">
            <a:schemeClr val="dk1"/>
          </a:lnRef>
          <a:fillRef idx="0">
            <a:schemeClr val="dk1"/>
          </a:fillRef>
          <a:effectRef idx="2">
            <a:schemeClr val="dk1"/>
          </a:effectRef>
          <a:fontRef idx="minor">
            <a:schemeClr val="tx1"/>
          </a:fontRef>
        </p:style>
      </p:cxnSp>
      <p:sp>
        <p:nvSpPr>
          <p:cNvPr id="15" name="Ellipse 14">
            <a:extLst>
              <a:ext uri="{FF2B5EF4-FFF2-40B4-BE49-F238E27FC236}">
                <a16:creationId xmlns:a16="http://schemas.microsoft.com/office/drawing/2014/main" id="{882EBC66-C61E-7126-F5AF-3F786C16AF74}"/>
              </a:ext>
            </a:extLst>
          </p:cNvPr>
          <p:cNvSpPr/>
          <p:nvPr/>
        </p:nvSpPr>
        <p:spPr>
          <a:xfrm>
            <a:off x="7924799" y="2532183"/>
            <a:ext cx="201247" cy="201247"/>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
        <p:nvSpPr>
          <p:cNvPr id="10" name="Ellipse 9">
            <a:extLst>
              <a:ext uri="{FF2B5EF4-FFF2-40B4-BE49-F238E27FC236}">
                <a16:creationId xmlns:a16="http://schemas.microsoft.com/office/drawing/2014/main" id="{F35AE43A-E83E-C4D7-C71B-8DACB55AF1BD}"/>
              </a:ext>
            </a:extLst>
          </p:cNvPr>
          <p:cNvSpPr/>
          <p:nvPr/>
        </p:nvSpPr>
        <p:spPr>
          <a:xfrm>
            <a:off x="9087338" y="2493107"/>
            <a:ext cx="201247" cy="201247"/>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
        <p:nvSpPr>
          <p:cNvPr id="14" name="Ellipse 13">
            <a:extLst>
              <a:ext uri="{FF2B5EF4-FFF2-40B4-BE49-F238E27FC236}">
                <a16:creationId xmlns:a16="http://schemas.microsoft.com/office/drawing/2014/main" id="{E47CAC64-1CA5-93F5-4B6C-183D28A16CA0}"/>
              </a:ext>
            </a:extLst>
          </p:cNvPr>
          <p:cNvSpPr/>
          <p:nvPr/>
        </p:nvSpPr>
        <p:spPr>
          <a:xfrm>
            <a:off x="7885722" y="3694721"/>
            <a:ext cx="201247" cy="201247"/>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
        <p:nvSpPr>
          <p:cNvPr id="13" name="Ellipse 12">
            <a:extLst>
              <a:ext uri="{FF2B5EF4-FFF2-40B4-BE49-F238E27FC236}">
                <a16:creationId xmlns:a16="http://schemas.microsoft.com/office/drawing/2014/main" id="{CBE09A4C-6DE7-4510-35CE-CD779E554D65}"/>
              </a:ext>
            </a:extLst>
          </p:cNvPr>
          <p:cNvSpPr/>
          <p:nvPr/>
        </p:nvSpPr>
        <p:spPr>
          <a:xfrm>
            <a:off x="6723183" y="3323491"/>
            <a:ext cx="201247" cy="201247"/>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Tree>
    <p:extLst>
      <p:ext uri="{BB962C8B-B14F-4D97-AF65-F5344CB8AC3E}">
        <p14:creationId xmlns:p14="http://schemas.microsoft.com/office/powerpoint/2010/main" val="217129757"/>
      </p:ext>
    </p:extLst>
  </p:cSld>
  <p:clrMapOvr>
    <a:masterClrMapping/>
  </p:clrMapOvr>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AC599D6-6469-5817-DEF0-AC2117790B91}"/>
              </a:ext>
            </a:extLst>
          </p:cNvPr>
          <p:cNvSpPr>
            <a:spLocks noGrp="1"/>
          </p:cNvSpPr>
          <p:nvPr>
            <p:ph type="title"/>
          </p:nvPr>
        </p:nvSpPr>
        <p:spPr>
          <a:xfrm>
            <a:off x="2102644" y="379964"/>
            <a:ext cx="10007579" cy="1051168"/>
          </a:xfrm>
        </p:spPr>
        <p:txBody>
          <a:bodyPr/>
          <a:lstStyle/>
          <a:p>
            <a:r>
              <a:rPr lang="nb-NO">
                <a:ea typeface="Calibri"/>
                <a:cs typeface="Calibri"/>
              </a:rPr>
              <a:t>QAOA-</a:t>
            </a:r>
            <a:br>
              <a:rPr lang="nb-NO">
                <a:ea typeface="Calibri"/>
                <a:cs typeface="Calibri"/>
              </a:rPr>
            </a:br>
            <a:r>
              <a:rPr lang="nb-NO">
                <a:ea typeface="Calibri"/>
                <a:cs typeface="Calibri"/>
              </a:rPr>
              <a:t>Quantum </a:t>
            </a:r>
            <a:r>
              <a:rPr lang="nb-NO" err="1">
                <a:ea typeface="Calibri"/>
                <a:cs typeface="Calibri"/>
              </a:rPr>
              <a:t>Approximate</a:t>
            </a:r>
            <a:r>
              <a:rPr lang="nb-NO">
                <a:ea typeface="Calibri"/>
                <a:cs typeface="Calibri"/>
              </a:rPr>
              <a:t> </a:t>
            </a:r>
            <a:r>
              <a:rPr lang="nb-NO" err="1">
                <a:ea typeface="Calibri"/>
                <a:cs typeface="Calibri"/>
              </a:rPr>
              <a:t>Optimization</a:t>
            </a:r>
            <a:r>
              <a:rPr lang="nb-NO">
                <a:ea typeface="Calibri"/>
                <a:cs typeface="Calibri"/>
              </a:rPr>
              <a:t> </a:t>
            </a:r>
            <a:r>
              <a:rPr lang="nb-NO" err="1">
                <a:ea typeface="Calibri"/>
                <a:cs typeface="Calibri"/>
              </a:rPr>
              <a:t>Algorithm</a:t>
            </a:r>
            <a:endParaRPr lang="nb-NO" err="1"/>
          </a:p>
        </p:txBody>
      </p:sp>
      <p:sp>
        <p:nvSpPr>
          <p:cNvPr id="3" name="Plassholder for tekst 2">
            <a:extLst>
              <a:ext uri="{FF2B5EF4-FFF2-40B4-BE49-F238E27FC236}">
                <a16:creationId xmlns:a16="http://schemas.microsoft.com/office/drawing/2014/main" id="{1475C74B-2B11-E30D-6187-B1699FE322FB}"/>
              </a:ext>
            </a:extLst>
          </p:cNvPr>
          <p:cNvSpPr>
            <a:spLocks noGrp="1"/>
          </p:cNvSpPr>
          <p:nvPr>
            <p:ph type="body" sz="quarter" idx="12"/>
          </p:nvPr>
        </p:nvSpPr>
        <p:spPr>
          <a:xfrm>
            <a:off x="652100" y="2148988"/>
            <a:ext cx="10752429" cy="3910012"/>
          </a:xfrm>
        </p:spPr>
        <p:txBody>
          <a:bodyPr vert="horz" lIns="0" tIns="0" rIns="0" bIns="0" rtlCol="0" anchor="t">
            <a:normAutofit/>
          </a:bodyPr>
          <a:lstStyle/>
          <a:p>
            <a:r>
              <a:rPr lang="nb-NO" err="1">
                <a:latin typeface="Calibri Light"/>
                <a:ea typeface="Calibri Light"/>
                <a:cs typeface="Calibri Light"/>
              </a:rPr>
              <a:t>Combinatorial</a:t>
            </a:r>
            <a:r>
              <a:rPr lang="nb-NO">
                <a:latin typeface="Calibri Light"/>
                <a:ea typeface="Calibri Light"/>
                <a:cs typeface="Calibri Light"/>
              </a:rPr>
              <a:t> </a:t>
            </a:r>
            <a:r>
              <a:rPr lang="nb-NO" err="1">
                <a:latin typeface="Calibri Light"/>
                <a:ea typeface="Calibri Light"/>
                <a:cs typeface="Calibri Light"/>
              </a:rPr>
              <a:t>optimization</a:t>
            </a:r>
            <a:r>
              <a:rPr lang="nb-NO">
                <a:latin typeface="Calibri Light"/>
                <a:ea typeface="Calibri Light"/>
                <a:cs typeface="Calibri Light"/>
              </a:rPr>
              <a:t> problems</a:t>
            </a:r>
          </a:p>
          <a:p>
            <a:endParaRPr lang="nb-NO">
              <a:latin typeface="Calibri Light"/>
              <a:ea typeface="Calibri Light"/>
              <a:cs typeface="Calibri Light"/>
            </a:endParaRPr>
          </a:p>
          <a:p>
            <a:pPr marL="0" indent="0">
              <a:buNone/>
            </a:pPr>
            <a:endParaRPr lang="nb-NO">
              <a:latin typeface="Calibri Light"/>
              <a:ea typeface="Calibri Light"/>
              <a:cs typeface="Calibri Light"/>
            </a:endParaRPr>
          </a:p>
        </p:txBody>
      </p:sp>
      <p:sp>
        <p:nvSpPr>
          <p:cNvPr id="4" name="Plassholder for bunntekst 3">
            <a:extLst>
              <a:ext uri="{FF2B5EF4-FFF2-40B4-BE49-F238E27FC236}">
                <a16:creationId xmlns:a16="http://schemas.microsoft.com/office/drawing/2014/main" id="{27BAB749-C269-C33C-0757-9E727000D985}"/>
              </a:ext>
            </a:extLst>
          </p:cNvPr>
          <p:cNvSpPr>
            <a:spLocks noGrp="1"/>
          </p:cNvSpPr>
          <p:nvPr>
            <p:ph type="ftr" sz="quarter" idx="14"/>
          </p:nvPr>
        </p:nvSpPr>
        <p:spPr/>
        <p:txBody>
          <a:bodyPr/>
          <a:lstStyle/>
          <a:p>
            <a:r>
              <a:rPr lang="en-US"/>
              <a:t>Technology for a better society</a:t>
            </a:r>
            <a:endParaRPr lang="nb-NO"/>
          </a:p>
        </p:txBody>
      </p:sp>
      <p:cxnSp>
        <p:nvCxnSpPr>
          <p:cNvPr id="16" name="Rett pilkobling 15">
            <a:extLst>
              <a:ext uri="{FF2B5EF4-FFF2-40B4-BE49-F238E27FC236}">
                <a16:creationId xmlns:a16="http://schemas.microsoft.com/office/drawing/2014/main" id="{04A192A3-6F54-9603-0B46-7C9F908A6E15}"/>
              </a:ext>
            </a:extLst>
          </p:cNvPr>
          <p:cNvCxnSpPr/>
          <p:nvPr/>
        </p:nvCxnSpPr>
        <p:spPr>
          <a:xfrm flipV="1">
            <a:off x="7997441" y="2583018"/>
            <a:ext cx="1191845" cy="68385"/>
          </a:xfrm>
          <a:prstGeom prst="straightConnector1">
            <a:avLst/>
          </a:prstGeom>
        </p:spPr>
        <p:style>
          <a:lnRef idx="3">
            <a:schemeClr val="dk1"/>
          </a:lnRef>
          <a:fillRef idx="0">
            <a:schemeClr val="dk1"/>
          </a:fillRef>
          <a:effectRef idx="2">
            <a:schemeClr val="dk1"/>
          </a:effectRef>
          <a:fontRef idx="minor">
            <a:schemeClr val="tx1"/>
          </a:fontRef>
        </p:style>
      </p:cxnSp>
      <p:cxnSp>
        <p:nvCxnSpPr>
          <p:cNvPr id="17" name="Rett pilkobling 16">
            <a:extLst>
              <a:ext uri="{FF2B5EF4-FFF2-40B4-BE49-F238E27FC236}">
                <a16:creationId xmlns:a16="http://schemas.microsoft.com/office/drawing/2014/main" id="{2A09838D-5987-81C4-199C-E3FE284A71A0}"/>
              </a:ext>
            </a:extLst>
          </p:cNvPr>
          <p:cNvCxnSpPr>
            <a:cxnSpLocks/>
          </p:cNvCxnSpPr>
          <p:nvPr/>
        </p:nvCxnSpPr>
        <p:spPr>
          <a:xfrm>
            <a:off x="6786057" y="3413402"/>
            <a:ext cx="1221152" cy="390768"/>
          </a:xfrm>
          <a:prstGeom prst="straightConnector1">
            <a:avLst/>
          </a:prstGeom>
        </p:spPr>
        <p:style>
          <a:lnRef idx="3">
            <a:schemeClr val="dk1"/>
          </a:lnRef>
          <a:fillRef idx="0">
            <a:schemeClr val="dk1"/>
          </a:fillRef>
          <a:effectRef idx="2">
            <a:schemeClr val="dk1"/>
          </a:effectRef>
          <a:fontRef idx="minor">
            <a:schemeClr val="tx1"/>
          </a:fontRef>
        </p:style>
      </p:cxnSp>
      <p:cxnSp>
        <p:nvCxnSpPr>
          <p:cNvPr id="18" name="Rett pilkobling 17">
            <a:extLst>
              <a:ext uri="{FF2B5EF4-FFF2-40B4-BE49-F238E27FC236}">
                <a16:creationId xmlns:a16="http://schemas.microsoft.com/office/drawing/2014/main" id="{EC7C6FD8-1089-2434-896C-631FA7FCE948}"/>
              </a:ext>
            </a:extLst>
          </p:cNvPr>
          <p:cNvCxnSpPr>
            <a:cxnSpLocks/>
          </p:cNvCxnSpPr>
          <p:nvPr/>
        </p:nvCxnSpPr>
        <p:spPr>
          <a:xfrm flipV="1">
            <a:off x="6854440" y="2661172"/>
            <a:ext cx="1143000" cy="801076"/>
          </a:xfrm>
          <a:prstGeom prst="straightConnector1">
            <a:avLst/>
          </a:prstGeom>
        </p:spPr>
        <p:style>
          <a:lnRef idx="3">
            <a:schemeClr val="dk1"/>
          </a:lnRef>
          <a:fillRef idx="0">
            <a:schemeClr val="dk1"/>
          </a:fillRef>
          <a:effectRef idx="2">
            <a:schemeClr val="dk1"/>
          </a:effectRef>
          <a:fontRef idx="minor">
            <a:schemeClr val="tx1"/>
          </a:fontRef>
        </p:style>
      </p:cxnSp>
      <p:cxnSp>
        <p:nvCxnSpPr>
          <p:cNvPr id="19" name="Rett pilkobling 18">
            <a:extLst>
              <a:ext uri="{FF2B5EF4-FFF2-40B4-BE49-F238E27FC236}">
                <a16:creationId xmlns:a16="http://schemas.microsoft.com/office/drawing/2014/main" id="{17894D9A-EB38-D0FF-8081-BEB2C355DF88}"/>
              </a:ext>
            </a:extLst>
          </p:cNvPr>
          <p:cNvCxnSpPr>
            <a:cxnSpLocks/>
          </p:cNvCxnSpPr>
          <p:nvPr/>
        </p:nvCxnSpPr>
        <p:spPr>
          <a:xfrm flipV="1">
            <a:off x="7977902" y="2641633"/>
            <a:ext cx="39077" cy="1152769"/>
          </a:xfrm>
          <a:prstGeom prst="straightConnector1">
            <a:avLst/>
          </a:prstGeom>
        </p:spPr>
        <p:style>
          <a:lnRef idx="3">
            <a:schemeClr val="dk1"/>
          </a:lnRef>
          <a:fillRef idx="0">
            <a:schemeClr val="dk1"/>
          </a:fillRef>
          <a:effectRef idx="2">
            <a:schemeClr val="dk1"/>
          </a:effectRef>
          <a:fontRef idx="minor">
            <a:schemeClr val="tx1"/>
          </a:fontRef>
        </p:style>
      </p:cxnSp>
      <p:sp>
        <p:nvSpPr>
          <p:cNvPr id="15" name="Ellipse 14">
            <a:extLst>
              <a:ext uri="{FF2B5EF4-FFF2-40B4-BE49-F238E27FC236}">
                <a16:creationId xmlns:a16="http://schemas.microsoft.com/office/drawing/2014/main" id="{882EBC66-C61E-7126-F5AF-3F786C16AF74}"/>
              </a:ext>
            </a:extLst>
          </p:cNvPr>
          <p:cNvSpPr/>
          <p:nvPr/>
        </p:nvSpPr>
        <p:spPr>
          <a:xfrm>
            <a:off x="7924799" y="2532183"/>
            <a:ext cx="201247" cy="201247"/>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
        <p:nvSpPr>
          <p:cNvPr id="10" name="Ellipse 9">
            <a:extLst>
              <a:ext uri="{FF2B5EF4-FFF2-40B4-BE49-F238E27FC236}">
                <a16:creationId xmlns:a16="http://schemas.microsoft.com/office/drawing/2014/main" id="{F35AE43A-E83E-C4D7-C71B-8DACB55AF1BD}"/>
              </a:ext>
            </a:extLst>
          </p:cNvPr>
          <p:cNvSpPr/>
          <p:nvPr/>
        </p:nvSpPr>
        <p:spPr>
          <a:xfrm>
            <a:off x="9087338" y="2493107"/>
            <a:ext cx="201247" cy="201247"/>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
        <p:nvSpPr>
          <p:cNvPr id="14" name="Ellipse 13">
            <a:extLst>
              <a:ext uri="{FF2B5EF4-FFF2-40B4-BE49-F238E27FC236}">
                <a16:creationId xmlns:a16="http://schemas.microsoft.com/office/drawing/2014/main" id="{E47CAC64-1CA5-93F5-4B6C-183D28A16CA0}"/>
              </a:ext>
            </a:extLst>
          </p:cNvPr>
          <p:cNvSpPr/>
          <p:nvPr/>
        </p:nvSpPr>
        <p:spPr>
          <a:xfrm>
            <a:off x="7885722" y="3694721"/>
            <a:ext cx="201247" cy="201247"/>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
        <p:nvSpPr>
          <p:cNvPr id="13" name="Ellipse 12">
            <a:extLst>
              <a:ext uri="{FF2B5EF4-FFF2-40B4-BE49-F238E27FC236}">
                <a16:creationId xmlns:a16="http://schemas.microsoft.com/office/drawing/2014/main" id="{CBE09A4C-6DE7-4510-35CE-CD779E554D65}"/>
              </a:ext>
            </a:extLst>
          </p:cNvPr>
          <p:cNvSpPr/>
          <p:nvPr/>
        </p:nvSpPr>
        <p:spPr>
          <a:xfrm>
            <a:off x="6723183" y="3323491"/>
            <a:ext cx="201247" cy="201247"/>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mc:AlternateContent xmlns:mc="http://schemas.openxmlformats.org/markup-compatibility/2006">
        <mc:Choice xmlns:p14="http://schemas.microsoft.com/office/powerpoint/2010/main" Requires="p14">
          <p:contentPart p14:bwMode="auto" r:id="rId3">
            <p14:nvContentPartPr>
              <p14:cNvPr id="7" name="Håndskrift 6">
                <a:extLst>
                  <a:ext uri="{FF2B5EF4-FFF2-40B4-BE49-F238E27FC236}">
                    <a16:creationId xmlns:a16="http://schemas.microsoft.com/office/drawing/2014/main" id="{024F37B5-631C-94A0-4DD0-FCD823AA0C6C}"/>
                  </a:ext>
                </a:extLst>
              </p14:cNvPr>
              <p14:cNvContentPartPr/>
              <p14:nvPr/>
            </p14:nvContentPartPr>
            <p14:xfrm>
              <a:off x="6781387" y="1772789"/>
              <a:ext cx="2171700" cy="1352549"/>
            </p14:xfrm>
          </p:contentPart>
        </mc:Choice>
        <mc:Fallback>
          <p:pic>
            <p:nvPicPr>
              <p:cNvPr id="7" name="Håndskrift 6">
                <a:extLst>
                  <a:ext uri="{FF2B5EF4-FFF2-40B4-BE49-F238E27FC236}">
                    <a16:creationId xmlns:a16="http://schemas.microsoft.com/office/drawing/2014/main" id="{024F37B5-631C-94A0-4DD0-FCD823AA0C6C}"/>
                  </a:ext>
                </a:extLst>
              </p:cNvPr>
              <p:cNvPicPr/>
              <p:nvPr/>
            </p:nvPicPr>
            <p:blipFill>
              <a:blip r:embed="rId4"/>
              <a:stretch>
                <a:fillRect/>
              </a:stretch>
            </p:blipFill>
            <p:spPr>
              <a:xfrm>
                <a:off x="6763368" y="1754822"/>
                <a:ext cx="2207378" cy="1388123"/>
              </a:xfrm>
              <a:prstGeom prst="rect">
                <a:avLst/>
              </a:prstGeom>
            </p:spPr>
          </p:pic>
        </mc:Fallback>
      </mc:AlternateContent>
      <p:pic>
        <p:nvPicPr>
          <p:cNvPr id="5" name="Bilde 5">
            <a:extLst>
              <a:ext uri="{FF2B5EF4-FFF2-40B4-BE49-F238E27FC236}">
                <a16:creationId xmlns:a16="http://schemas.microsoft.com/office/drawing/2014/main" id="{7F56C0CA-76FA-37C6-E35B-563DDD51F7FA}"/>
              </a:ext>
            </a:extLst>
          </p:cNvPr>
          <p:cNvPicPr>
            <a:picLocks noChangeAspect="1"/>
          </p:cNvPicPr>
          <p:nvPr/>
        </p:nvPicPr>
        <p:blipFill>
          <a:blip r:embed="rId5"/>
          <a:stretch>
            <a:fillRect/>
          </a:stretch>
        </p:blipFill>
        <p:spPr>
          <a:xfrm>
            <a:off x="6467475" y="3694821"/>
            <a:ext cx="5295900" cy="2440158"/>
          </a:xfrm>
          <a:prstGeom prst="rect">
            <a:avLst/>
          </a:prstGeom>
        </p:spPr>
      </p:pic>
    </p:spTree>
    <p:extLst>
      <p:ext uri="{BB962C8B-B14F-4D97-AF65-F5344CB8AC3E}">
        <p14:creationId xmlns:p14="http://schemas.microsoft.com/office/powerpoint/2010/main" val="32726552"/>
      </p:ext>
    </p:extLst>
  </p:cSld>
  <p:clrMapOvr>
    <a:masterClrMapping/>
  </p:clrMapOvr>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ktangel 8">
            <a:extLst>
              <a:ext uri="{FF2B5EF4-FFF2-40B4-BE49-F238E27FC236}">
                <a16:creationId xmlns:a16="http://schemas.microsoft.com/office/drawing/2014/main" id="{24394369-38BC-34A6-7A99-EE441C88BE5B}"/>
              </a:ext>
            </a:extLst>
          </p:cNvPr>
          <p:cNvSpPr/>
          <p:nvPr/>
        </p:nvSpPr>
        <p:spPr>
          <a:xfrm>
            <a:off x="6543674" y="1812495"/>
            <a:ext cx="5000625" cy="219452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nb-NO" b="1" err="1">
                <a:solidFill>
                  <a:schemeClr val="tx2"/>
                </a:solidFill>
                <a:cs typeface="Calibri"/>
              </a:rPr>
              <a:t>Step</a:t>
            </a:r>
            <a:r>
              <a:rPr lang="nb-NO" b="1">
                <a:solidFill>
                  <a:schemeClr val="tx2"/>
                </a:solidFill>
                <a:cs typeface="Calibri"/>
              </a:rPr>
              <a:t> 2: </a:t>
            </a:r>
            <a:r>
              <a:rPr lang="nb-NO" b="1" err="1">
                <a:solidFill>
                  <a:schemeClr val="tx2"/>
                </a:solidFill>
                <a:cs typeface="Calibri"/>
              </a:rPr>
              <a:t>Measure</a:t>
            </a:r>
            <a:r>
              <a:rPr lang="nb-NO" b="1">
                <a:solidFill>
                  <a:schemeClr val="tx2"/>
                </a:solidFill>
                <a:cs typeface="Calibri"/>
              </a:rPr>
              <a:t> </a:t>
            </a:r>
            <a:r>
              <a:rPr lang="nb-NO" b="1" err="1">
                <a:solidFill>
                  <a:schemeClr val="tx2"/>
                </a:solidFill>
                <a:cs typeface="Calibri"/>
              </a:rPr>
              <a:t>state</a:t>
            </a:r>
            <a:br>
              <a:rPr lang="nb-NO" b="1">
                <a:solidFill>
                  <a:schemeClr val="tx2"/>
                </a:solidFill>
                <a:cs typeface="Calibri"/>
              </a:rPr>
            </a:br>
            <a:br>
              <a:rPr lang="nb-NO" b="1">
                <a:solidFill>
                  <a:schemeClr val="tx2"/>
                </a:solidFill>
                <a:cs typeface="Calibri"/>
              </a:rPr>
            </a:br>
            <a:br>
              <a:rPr lang="nb-NO" b="1">
                <a:solidFill>
                  <a:schemeClr val="tx2"/>
                </a:solidFill>
                <a:cs typeface="Calibri"/>
              </a:rPr>
            </a:br>
            <a:endParaRPr lang="nb-NO" b="1">
              <a:solidFill>
                <a:schemeClr val="tx2"/>
              </a:solidFill>
              <a:cs typeface="Calibri"/>
            </a:endParaRPr>
          </a:p>
          <a:p>
            <a:pPr algn="ctr"/>
            <a:endParaRPr lang="nb-NO" b="1">
              <a:solidFill>
                <a:schemeClr val="tx2"/>
              </a:solidFill>
              <a:cs typeface="Calibri"/>
            </a:endParaRPr>
          </a:p>
        </p:txBody>
      </p:sp>
      <p:sp>
        <p:nvSpPr>
          <p:cNvPr id="2" name="Tittel 1">
            <a:extLst>
              <a:ext uri="{FF2B5EF4-FFF2-40B4-BE49-F238E27FC236}">
                <a16:creationId xmlns:a16="http://schemas.microsoft.com/office/drawing/2014/main" id="{1AC599D6-6469-5817-DEF0-AC2117790B91}"/>
              </a:ext>
            </a:extLst>
          </p:cNvPr>
          <p:cNvSpPr>
            <a:spLocks noGrp="1"/>
          </p:cNvSpPr>
          <p:nvPr>
            <p:ph type="title"/>
          </p:nvPr>
        </p:nvSpPr>
        <p:spPr>
          <a:xfrm>
            <a:off x="2102644" y="379964"/>
            <a:ext cx="10007579" cy="1051168"/>
          </a:xfrm>
        </p:spPr>
        <p:txBody>
          <a:bodyPr/>
          <a:lstStyle/>
          <a:p>
            <a:r>
              <a:rPr lang="nb-NO">
                <a:ea typeface="Calibri"/>
                <a:cs typeface="Calibri"/>
              </a:rPr>
              <a:t>QAOA-</a:t>
            </a:r>
            <a:br>
              <a:rPr lang="nb-NO">
                <a:ea typeface="Calibri"/>
                <a:cs typeface="Calibri"/>
              </a:rPr>
            </a:br>
            <a:r>
              <a:rPr lang="nb-NO">
                <a:ea typeface="Calibri"/>
                <a:cs typeface="Calibri"/>
              </a:rPr>
              <a:t>Quantum </a:t>
            </a:r>
            <a:r>
              <a:rPr lang="nb-NO" err="1">
                <a:ea typeface="Calibri"/>
                <a:cs typeface="Calibri"/>
              </a:rPr>
              <a:t>Approximate</a:t>
            </a:r>
            <a:r>
              <a:rPr lang="nb-NO">
                <a:ea typeface="Calibri"/>
                <a:cs typeface="Calibri"/>
              </a:rPr>
              <a:t> </a:t>
            </a:r>
            <a:r>
              <a:rPr lang="nb-NO" err="1">
                <a:ea typeface="Calibri"/>
                <a:cs typeface="Calibri"/>
              </a:rPr>
              <a:t>Optimization</a:t>
            </a:r>
            <a:r>
              <a:rPr lang="nb-NO">
                <a:ea typeface="Calibri"/>
                <a:cs typeface="Calibri"/>
              </a:rPr>
              <a:t> </a:t>
            </a:r>
            <a:r>
              <a:rPr lang="nb-NO" err="1">
                <a:ea typeface="Calibri"/>
                <a:cs typeface="Calibri"/>
              </a:rPr>
              <a:t>Algorithm</a:t>
            </a:r>
            <a:endParaRPr lang="nb-NO" err="1"/>
          </a:p>
        </p:txBody>
      </p:sp>
      <p:sp>
        <p:nvSpPr>
          <p:cNvPr id="3" name="Plassholder for tekst 2">
            <a:extLst>
              <a:ext uri="{FF2B5EF4-FFF2-40B4-BE49-F238E27FC236}">
                <a16:creationId xmlns:a16="http://schemas.microsoft.com/office/drawing/2014/main" id="{1475C74B-2B11-E30D-6187-B1699FE322FB}"/>
              </a:ext>
            </a:extLst>
          </p:cNvPr>
          <p:cNvSpPr>
            <a:spLocks noGrp="1"/>
          </p:cNvSpPr>
          <p:nvPr>
            <p:ph type="body" sz="quarter" idx="12"/>
          </p:nvPr>
        </p:nvSpPr>
        <p:spPr>
          <a:xfrm>
            <a:off x="652100" y="1815613"/>
            <a:ext cx="10752429" cy="3910012"/>
          </a:xfrm>
        </p:spPr>
        <p:txBody>
          <a:bodyPr vert="horz" lIns="0" tIns="0" rIns="0" bIns="0" rtlCol="0" anchor="t">
            <a:normAutofit/>
          </a:bodyPr>
          <a:lstStyle/>
          <a:p>
            <a:endParaRPr lang="nb-NO">
              <a:latin typeface="Calibri Light"/>
              <a:ea typeface="Calibri Light"/>
              <a:cs typeface="Calibri Light"/>
            </a:endParaRPr>
          </a:p>
          <a:p>
            <a:endParaRPr lang="nb-NO">
              <a:latin typeface="Calibri Light"/>
              <a:ea typeface="Calibri Light"/>
              <a:cs typeface="Calibri Light"/>
            </a:endParaRPr>
          </a:p>
          <a:p>
            <a:pPr marL="0" indent="0">
              <a:buNone/>
            </a:pPr>
            <a:endParaRPr lang="nb-NO">
              <a:latin typeface="Calibri Light"/>
              <a:ea typeface="Calibri Light"/>
              <a:cs typeface="Calibri Light"/>
            </a:endParaRPr>
          </a:p>
        </p:txBody>
      </p:sp>
      <p:sp>
        <p:nvSpPr>
          <p:cNvPr id="4" name="Plassholder for bunntekst 3">
            <a:extLst>
              <a:ext uri="{FF2B5EF4-FFF2-40B4-BE49-F238E27FC236}">
                <a16:creationId xmlns:a16="http://schemas.microsoft.com/office/drawing/2014/main" id="{27BAB749-C269-C33C-0757-9E727000D985}"/>
              </a:ext>
            </a:extLst>
          </p:cNvPr>
          <p:cNvSpPr>
            <a:spLocks noGrp="1"/>
          </p:cNvSpPr>
          <p:nvPr>
            <p:ph type="ftr" sz="quarter" idx="14"/>
          </p:nvPr>
        </p:nvSpPr>
        <p:spPr/>
        <p:txBody>
          <a:bodyPr/>
          <a:lstStyle/>
          <a:p>
            <a:r>
              <a:rPr lang="en-US"/>
              <a:t>Technology for a better society</a:t>
            </a:r>
            <a:endParaRPr lang="nb-NO"/>
          </a:p>
        </p:txBody>
      </p:sp>
      <p:sp>
        <p:nvSpPr>
          <p:cNvPr id="20" name="Rektangel 19">
            <a:extLst>
              <a:ext uri="{FF2B5EF4-FFF2-40B4-BE49-F238E27FC236}">
                <a16:creationId xmlns:a16="http://schemas.microsoft.com/office/drawing/2014/main" id="{276A4F66-D3DA-97BE-A03E-40D8071FF81C}"/>
              </a:ext>
            </a:extLst>
          </p:cNvPr>
          <p:cNvSpPr/>
          <p:nvPr/>
        </p:nvSpPr>
        <p:spPr>
          <a:xfrm>
            <a:off x="85725" y="1839955"/>
            <a:ext cx="5010150" cy="210887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nb-NO" b="1" err="1">
                <a:solidFill>
                  <a:schemeClr val="tx2"/>
                </a:solidFill>
                <a:cs typeface="Calibri"/>
              </a:rPr>
              <a:t>Step</a:t>
            </a:r>
            <a:r>
              <a:rPr lang="nb-NO" b="1">
                <a:solidFill>
                  <a:schemeClr val="tx2"/>
                </a:solidFill>
                <a:cs typeface="Calibri"/>
              </a:rPr>
              <a:t> 1: </a:t>
            </a:r>
            <a:r>
              <a:rPr lang="nb-NO" b="1" err="1">
                <a:solidFill>
                  <a:schemeClr val="tx2"/>
                </a:solidFill>
                <a:cs typeface="Calibri"/>
              </a:rPr>
              <a:t>Prepare</a:t>
            </a:r>
            <a:r>
              <a:rPr lang="nb-NO" b="1">
                <a:solidFill>
                  <a:schemeClr val="tx2"/>
                </a:solidFill>
                <a:cs typeface="Calibri"/>
              </a:rPr>
              <a:t> </a:t>
            </a:r>
            <a:r>
              <a:rPr lang="nb-NO" b="1" err="1">
                <a:solidFill>
                  <a:schemeClr val="tx2"/>
                </a:solidFill>
                <a:cs typeface="Calibri"/>
              </a:rPr>
              <a:t>state</a:t>
            </a:r>
            <a:br>
              <a:rPr lang="nb-NO" b="1">
                <a:solidFill>
                  <a:schemeClr val="tx2"/>
                </a:solidFill>
                <a:cs typeface="Calibri"/>
              </a:rPr>
            </a:br>
            <a:br>
              <a:rPr lang="nb-NO" b="1">
                <a:solidFill>
                  <a:schemeClr val="tx2"/>
                </a:solidFill>
                <a:cs typeface="Calibri"/>
              </a:rPr>
            </a:br>
            <a:br>
              <a:rPr lang="nb-NO" b="1">
                <a:solidFill>
                  <a:schemeClr val="tx2"/>
                </a:solidFill>
                <a:cs typeface="Calibri"/>
              </a:rPr>
            </a:br>
            <a:endParaRPr lang="nb-NO" b="1">
              <a:solidFill>
                <a:schemeClr val="tx2"/>
              </a:solidFill>
              <a:cs typeface="Calibri"/>
            </a:endParaRPr>
          </a:p>
          <a:p>
            <a:pPr algn="ctr"/>
            <a:endParaRPr lang="nb-NO" b="1">
              <a:solidFill>
                <a:schemeClr val="tx2"/>
              </a:solidFill>
              <a:cs typeface="Calibri"/>
            </a:endParaRPr>
          </a:p>
        </p:txBody>
      </p:sp>
      <p:sp>
        <p:nvSpPr>
          <p:cNvPr id="21" name="Rektangel 20">
            <a:extLst>
              <a:ext uri="{FF2B5EF4-FFF2-40B4-BE49-F238E27FC236}">
                <a16:creationId xmlns:a16="http://schemas.microsoft.com/office/drawing/2014/main" id="{2129F610-4AD3-FAE3-DBA5-FF93D2105749}"/>
              </a:ext>
            </a:extLst>
          </p:cNvPr>
          <p:cNvSpPr/>
          <p:nvPr/>
        </p:nvSpPr>
        <p:spPr>
          <a:xfrm>
            <a:off x="3626708" y="4463879"/>
            <a:ext cx="4253641" cy="201483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b="1">
              <a:solidFill>
                <a:schemeClr val="tx2"/>
              </a:solidFill>
              <a:cs typeface="Calibri"/>
            </a:endParaRPr>
          </a:p>
          <a:p>
            <a:pPr algn="ctr"/>
            <a:r>
              <a:rPr lang="nb-NO" b="1" err="1">
                <a:solidFill>
                  <a:schemeClr val="tx2"/>
                </a:solidFill>
                <a:cs typeface="Calibri"/>
              </a:rPr>
              <a:t>Step</a:t>
            </a:r>
            <a:r>
              <a:rPr lang="nb-NO" b="1">
                <a:solidFill>
                  <a:schemeClr val="tx2"/>
                </a:solidFill>
                <a:cs typeface="Calibri"/>
              </a:rPr>
              <a:t> 3: </a:t>
            </a:r>
            <a:r>
              <a:rPr lang="nb-NO" b="1" err="1">
                <a:solidFill>
                  <a:schemeClr val="tx2"/>
                </a:solidFill>
                <a:cs typeface="Calibri"/>
              </a:rPr>
              <a:t>Classical</a:t>
            </a:r>
            <a:r>
              <a:rPr lang="nb-NO" b="1">
                <a:solidFill>
                  <a:schemeClr val="tx2"/>
                </a:solidFill>
                <a:cs typeface="Calibri"/>
              </a:rPr>
              <a:t> </a:t>
            </a:r>
            <a:r>
              <a:rPr lang="nb-NO" b="1" err="1">
                <a:solidFill>
                  <a:schemeClr val="tx2"/>
                </a:solidFill>
                <a:cs typeface="Calibri"/>
              </a:rPr>
              <a:t>optimizer</a:t>
            </a:r>
            <a:endParaRPr lang="nb-NO" b="1">
              <a:solidFill>
                <a:schemeClr val="tx2"/>
              </a:solidFill>
              <a:cs typeface="Calibri"/>
            </a:endParaRPr>
          </a:p>
          <a:p>
            <a:pPr algn="ctr"/>
            <a:r>
              <a:rPr lang="nb-NO" b="1">
                <a:solidFill>
                  <a:schemeClr val="tx2"/>
                </a:solidFill>
                <a:cs typeface="Calibri"/>
              </a:rPr>
              <a:t>(</a:t>
            </a:r>
            <a:r>
              <a:rPr lang="nb-NO" b="1" err="1">
                <a:solidFill>
                  <a:schemeClr val="tx2"/>
                </a:solidFill>
                <a:cs typeface="Calibri"/>
              </a:rPr>
              <a:t>adjust</a:t>
            </a:r>
            <a:r>
              <a:rPr lang="nb-NO" b="1">
                <a:solidFill>
                  <a:schemeClr val="tx2"/>
                </a:solidFill>
                <a:cs typeface="Calibri"/>
              </a:rPr>
              <a:t> parameters)</a:t>
            </a:r>
          </a:p>
          <a:p>
            <a:pPr algn="ctr"/>
            <a:endParaRPr lang="nb-NO" b="1">
              <a:solidFill>
                <a:schemeClr val="tx2"/>
              </a:solidFill>
              <a:cs typeface="Calibri"/>
            </a:endParaRPr>
          </a:p>
        </p:txBody>
      </p:sp>
      <p:sp>
        <p:nvSpPr>
          <p:cNvPr id="24" name="Pil: høyre 23">
            <a:extLst>
              <a:ext uri="{FF2B5EF4-FFF2-40B4-BE49-F238E27FC236}">
                <a16:creationId xmlns:a16="http://schemas.microsoft.com/office/drawing/2014/main" id="{98DE681B-D748-7057-865B-F1481C149943}"/>
              </a:ext>
            </a:extLst>
          </p:cNvPr>
          <p:cNvSpPr/>
          <p:nvPr/>
        </p:nvSpPr>
        <p:spPr>
          <a:xfrm>
            <a:off x="5340096" y="2415159"/>
            <a:ext cx="1045083" cy="484631"/>
          </a:xfrm>
          <a:prstGeom prst="rightArrow">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b="1" err="1">
              <a:solidFill>
                <a:schemeClr val="tx2"/>
              </a:solidFill>
            </a:endParaRPr>
          </a:p>
        </p:txBody>
      </p:sp>
      <p:sp>
        <p:nvSpPr>
          <p:cNvPr id="25" name="Pil: høyre 24">
            <a:extLst>
              <a:ext uri="{FF2B5EF4-FFF2-40B4-BE49-F238E27FC236}">
                <a16:creationId xmlns:a16="http://schemas.microsoft.com/office/drawing/2014/main" id="{FF9E0F64-C01C-A6A4-64C5-F93C40182AA0}"/>
              </a:ext>
            </a:extLst>
          </p:cNvPr>
          <p:cNvSpPr/>
          <p:nvPr/>
        </p:nvSpPr>
        <p:spPr>
          <a:xfrm rot="8700000">
            <a:off x="7950881" y="4350119"/>
            <a:ext cx="1348854" cy="521614"/>
          </a:xfrm>
          <a:prstGeom prst="rightArrow">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b="1" err="1">
              <a:solidFill>
                <a:schemeClr val="tx2"/>
              </a:solidFill>
            </a:endParaRPr>
          </a:p>
        </p:txBody>
      </p:sp>
      <p:sp>
        <p:nvSpPr>
          <p:cNvPr id="26" name="Pil: høyre 25">
            <a:extLst>
              <a:ext uri="{FF2B5EF4-FFF2-40B4-BE49-F238E27FC236}">
                <a16:creationId xmlns:a16="http://schemas.microsoft.com/office/drawing/2014/main" id="{CDB75D98-B0BA-651E-AAF7-C580E91179C4}"/>
              </a:ext>
            </a:extLst>
          </p:cNvPr>
          <p:cNvSpPr/>
          <p:nvPr/>
        </p:nvSpPr>
        <p:spPr>
          <a:xfrm rot="13620000">
            <a:off x="2116924" y="4516193"/>
            <a:ext cx="1407033" cy="465581"/>
          </a:xfrm>
          <a:prstGeom prst="rightArrow">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b="1" err="1">
              <a:solidFill>
                <a:schemeClr val="tx2"/>
              </a:solidFill>
            </a:endParaRPr>
          </a:p>
        </p:txBody>
      </p:sp>
      <p:pic>
        <p:nvPicPr>
          <p:cNvPr id="8" name="Bilde 8">
            <a:extLst>
              <a:ext uri="{FF2B5EF4-FFF2-40B4-BE49-F238E27FC236}">
                <a16:creationId xmlns:a16="http://schemas.microsoft.com/office/drawing/2014/main" id="{A0A9CD88-5754-8F4D-3F24-2670AF8A8EDB}"/>
              </a:ext>
            </a:extLst>
          </p:cNvPr>
          <p:cNvPicPr>
            <a:picLocks noChangeAspect="1"/>
          </p:cNvPicPr>
          <p:nvPr/>
        </p:nvPicPr>
        <p:blipFill>
          <a:blip r:embed="rId3"/>
          <a:stretch>
            <a:fillRect/>
          </a:stretch>
        </p:blipFill>
        <p:spPr>
          <a:xfrm>
            <a:off x="6626311" y="2657426"/>
            <a:ext cx="4838700" cy="598372"/>
          </a:xfrm>
          <a:prstGeom prst="rect">
            <a:avLst/>
          </a:prstGeom>
        </p:spPr>
      </p:pic>
      <p:pic>
        <p:nvPicPr>
          <p:cNvPr id="11" name="Bilde 11">
            <a:extLst>
              <a:ext uri="{FF2B5EF4-FFF2-40B4-BE49-F238E27FC236}">
                <a16:creationId xmlns:a16="http://schemas.microsoft.com/office/drawing/2014/main" id="{7A8EF1C4-9D05-3F6B-301D-A567BF2922E1}"/>
              </a:ext>
            </a:extLst>
          </p:cNvPr>
          <p:cNvPicPr>
            <a:picLocks noChangeAspect="1"/>
          </p:cNvPicPr>
          <p:nvPr/>
        </p:nvPicPr>
        <p:blipFill>
          <a:blip r:embed="rId4"/>
          <a:stretch>
            <a:fillRect/>
          </a:stretch>
        </p:blipFill>
        <p:spPr>
          <a:xfrm>
            <a:off x="9182100" y="4873299"/>
            <a:ext cx="2876550" cy="854727"/>
          </a:xfrm>
          <a:prstGeom prst="rect">
            <a:avLst/>
          </a:prstGeom>
        </p:spPr>
      </p:pic>
      <p:pic>
        <p:nvPicPr>
          <p:cNvPr id="6" name="Bilde 6">
            <a:extLst>
              <a:ext uri="{FF2B5EF4-FFF2-40B4-BE49-F238E27FC236}">
                <a16:creationId xmlns:a16="http://schemas.microsoft.com/office/drawing/2014/main" id="{03B3880C-CC23-15A5-592D-97A617F7BF4F}"/>
              </a:ext>
            </a:extLst>
          </p:cNvPr>
          <p:cNvPicPr>
            <a:picLocks noChangeAspect="1"/>
          </p:cNvPicPr>
          <p:nvPr/>
        </p:nvPicPr>
        <p:blipFill>
          <a:blip r:embed="rId5"/>
          <a:stretch>
            <a:fillRect/>
          </a:stretch>
        </p:blipFill>
        <p:spPr>
          <a:xfrm>
            <a:off x="833396" y="3207796"/>
            <a:ext cx="2331230" cy="552327"/>
          </a:xfrm>
          <a:prstGeom prst="rect">
            <a:avLst/>
          </a:prstGeom>
        </p:spPr>
      </p:pic>
      <p:pic>
        <p:nvPicPr>
          <p:cNvPr id="10" name="Bilde 11">
            <a:extLst>
              <a:ext uri="{FF2B5EF4-FFF2-40B4-BE49-F238E27FC236}">
                <a16:creationId xmlns:a16="http://schemas.microsoft.com/office/drawing/2014/main" id="{AA24B10D-56A8-4DFA-D325-9E81AFCDB42C}"/>
              </a:ext>
            </a:extLst>
          </p:cNvPr>
          <p:cNvPicPr>
            <a:picLocks noChangeAspect="1"/>
          </p:cNvPicPr>
          <p:nvPr/>
        </p:nvPicPr>
        <p:blipFill>
          <a:blip r:embed="rId6"/>
          <a:stretch>
            <a:fillRect/>
          </a:stretch>
        </p:blipFill>
        <p:spPr>
          <a:xfrm>
            <a:off x="294245" y="3209925"/>
            <a:ext cx="400050" cy="438150"/>
          </a:xfrm>
          <a:prstGeom prst="rect">
            <a:avLst/>
          </a:prstGeom>
        </p:spPr>
      </p:pic>
      <p:pic>
        <p:nvPicPr>
          <p:cNvPr id="12" name="Bilde 12">
            <a:extLst>
              <a:ext uri="{FF2B5EF4-FFF2-40B4-BE49-F238E27FC236}">
                <a16:creationId xmlns:a16="http://schemas.microsoft.com/office/drawing/2014/main" id="{C76C39C6-64AE-F932-1965-1F370AF4FD76}"/>
              </a:ext>
            </a:extLst>
          </p:cNvPr>
          <p:cNvPicPr>
            <a:picLocks noChangeAspect="1"/>
          </p:cNvPicPr>
          <p:nvPr/>
        </p:nvPicPr>
        <p:blipFill>
          <a:blip r:embed="rId7"/>
          <a:stretch>
            <a:fillRect/>
          </a:stretch>
        </p:blipFill>
        <p:spPr>
          <a:xfrm>
            <a:off x="200454" y="2743304"/>
            <a:ext cx="4782064" cy="424041"/>
          </a:xfrm>
          <a:prstGeom prst="rect">
            <a:avLst/>
          </a:prstGeom>
        </p:spPr>
      </p:pic>
    </p:spTree>
    <p:extLst>
      <p:ext uri="{BB962C8B-B14F-4D97-AF65-F5344CB8AC3E}">
        <p14:creationId xmlns:p14="http://schemas.microsoft.com/office/powerpoint/2010/main" val="2480284760"/>
      </p:ext>
    </p:extLst>
  </p:cSld>
  <p:clrMapOvr>
    <a:masterClrMapping/>
  </p:clrMapOvr>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688EB7CC-EF1E-802D-5DDE-4708980FCEF8}"/>
              </a:ext>
            </a:extLst>
          </p:cNvPr>
          <p:cNvSpPr>
            <a:spLocks noGrp="1"/>
          </p:cNvSpPr>
          <p:nvPr>
            <p:ph type="title"/>
          </p:nvPr>
        </p:nvSpPr>
        <p:spPr/>
        <p:txBody>
          <a:bodyPr/>
          <a:lstStyle/>
          <a:p>
            <a:endParaRPr lang="nb-NO"/>
          </a:p>
        </p:txBody>
      </p:sp>
      <p:sp>
        <p:nvSpPr>
          <p:cNvPr id="3" name="Plassholder for tekst 2">
            <a:extLst>
              <a:ext uri="{FF2B5EF4-FFF2-40B4-BE49-F238E27FC236}">
                <a16:creationId xmlns:a16="http://schemas.microsoft.com/office/drawing/2014/main" id="{8DF84246-9075-C661-871E-293C4BBF5E7F}"/>
              </a:ext>
            </a:extLst>
          </p:cNvPr>
          <p:cNvSpPr>
            <a:spLocks noGrp="1"/>
          </p:cNvSpPr>
          <p:nvPr>
            <p:ph type="body" sz="quarter" idx="12"/>
          </p:nvPr>
        </p:nvSpPr>
        <p:spPr>
          <a:xfrm>
            <a:off x="691514" y="2392368"/>
            <a:ext cx="10752429" cy="3910012"/>
          </a:xfrm>
        </p:spPr>
        <p:txBody>
          <a:bodyPr vert="horz" lIns="0" tIns="0" rIns="0" bIns="0" rtlCol="0" anchor="t">
            <a:normAutofit/>
          </a:bodyPr>
          <a:lstStyle/>
          <a:p>
            <a:r>
              <a:rPr lang="nb-NO">
                <a:latin typeface="Calibri Light"/>
                <a:cs typeface="Calibri Light"/>
              </a:rPr>
              <a:t>quantumcomputing.no</a:t>
            </a:r>
          </a:p>
          <a:p>
            <a:r>
              <a:rPr lang="nb-NO">
                <a:latin typeface="Calibri Light"/>
                <a:cs typeface="Calibri Light"/>
              </a:rPr>
              <a:t>github.com/</a:t>
            </a:r>
            <a:r>
              <a:rPr lang="nb-NO" err="1">
                <a:latin typeface="Calibri Light"/>
                <a:cs typeface="Calibri Light"/>
              </a:rPr>
              <a:t>OpenQuantumComputing</a:t>
            </a:r>
          </a:p>
        </p:txBody>
      </p:sp>
      <p:sp>
        <p:nvSpPr>
          <p:cNvPr id="4" name="Plassholder for bunntekst 3">
            <a:extLst>
              <a:ext uri="{FF2B5EF4-FFF2-40B4-BE49-F238E27FC236}">
                <a16:creationId xmlns:a16="http://schemas.microsoft.com/office/drawing/2014/main" id="{515FB449-DCCF-5B11-60F2-BAD9087C3B2C}"/>
              </a:ext>
            </a:extLst>
          </p:cNvPr>
          <p:cNvSpPr>
            <a:spLocks noGrp="1"/>
          </p:cNvSpPr>
          <p:nvPr>
            <p:ph type="ftr" sz="quarter" idx="14"/>
          </p:nvPr>
        </p:nvSpPr>
        <p:spPr/>
        <p:txBody>
          <a:bodyPr/>
          <a:lstStyle/>
          <a:p>
            <a:r>
              <a:rPr lang="en-US"/>
              <a:t>Technology for a better society</a:t>
            </a:r>
            <a:endParaRPr lang="nb-NO"/>
          </a:p>
        </p:txBody>
      </p:sp>
      <p:pic>
        <p:nvPicPr>
          <p:cNvPr id="5" name="Bilde 5">
            <a:extLst>
              <a:ext uri="{FF2B5EF4-FFF2-40B4-BE49-F238E27FC236}">
                <a16:creationId xmlns:a16="http://schemas.microsoft.com/office/drawing/2014/main" id="{BD29020C-C295-6A3A-AA31-164FFFF2F2E0}"/>
              </a:ext>
            </a:extLst>
          </p:cNvPr>
          <p:cNvPicPr>
            <a:picLocks noChangeAspect="1"/>
          </p:cNvPicPr>
          <p:nvPr/>
        </p:nvPicPr>
        <p:blipFill>
          <a:blip r:embed="rId3"/>
          <a:stretch>
            <a:fillRect/>
          </a:stretch>
        </p:blipFill>
        <p:spPr>
          <a:xfrm>
            <a:off x="5753100" y="2079750"/>
            <a:ext cx="1647825" cy="1193550"/>
          </a:xfrm>
          <a:prstGeom prst="rect">
            <a:avLst/>
          </a:prstGeom>
        </p:spPr>
      </p:pic>
    </p:spTree>
    <p:extLst>
      <p:ext uri="{BB962C8B-B14F-4D97-AF65-F5344CB8AC3E}">
        <p14:creationId xmlns:p14="http://schemas.microsoft.com/office/powerpoint/2010/main" val="69336703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bunntekst 1">
            <a:extLst>
              <a:ext uri="{FF2B5EF4-FFF2-40B4-BE49-F238E27FC236}">
                <a16:creationId xmlns:a16="http://schemas.microsoft.com/office/drawing/2014/main" id="{5D86E710-25B8-2B4B-AE77-0353BCB01F69}"/>
              </a:ext>
            </a:extLst>
          </p:cNvPr>
          <p:cNvSpPr>
            <a:spLocks noGrp="1"/>
          </p:cNvSpPr>
          <p:nvPr>
            <p:ph type="ftr" sz="quarter" idx="11"/>
          </p:nvPr>
        </p:nvSpPr>
        <p:spPr/>
        <p:txBody>
          <a:bodyPr/>
          <a:lstStyle/>
          <a:p>
            <a:r>
              <a:rPr lang="nb-NO"/>
              <a:t>Technology for a </a:t>
            </a:r>
            <a:r>
              <a:rPr lang="nb-NO" err="1"/>
              <a:t>better</a:t>
            </a:r>
            <a:r>
              <a:rPr lang="nb-NO"/>
              <a:t> </a:t>
            </a:r>
            <a:r>
              <a:rPr lang="nb-NO" err="1"/>
              <a:t>society</a:t>
            </a:r>
            <a:endParaRPr lang="nb-NO"/>
          </a:p>
        </p:txBody>
      </p:sp>
    </p:spTree>
    <p:custDataLst>
      <p:tags r:id="rId1"/>
    </p:custDataLst>
    <p:extLst>
      <p:ext uri="{BB962C8B-B14F-4D97-AF65-F5344CB8AC3E}">
        <p14:creationId xmlns:p14="http://schemas.microsoft.com/office/powerpoint/2010/main" val="255303261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a:extLst>
              <a:ext uri="{FF2B5EF4-FFF2-40B4-BE49-F238E27FC236}">
                <a16:creationId xmlns:a16="http://schemas.microsoft.com/office/drawing/2014/main" id="{EE3CEECA-6570-491F-A5A4-45761E0E675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83520" y="0"/>
            <a:ext cx="7208480" cy="2252650"/>
          </a:xfrm>
          <a:prstGeom prst="rect">
            <a:avLst/>
          </a:prstGeom>
          <a:noFill/>
          <a:extLst>
            <a:ext uri="{909E8E84-426E-40DD-AFC4-6F175D3DCCD1}">
              <a14:hiddenFill xmlns:a14="http://schemas.microsoft.com/office/drawing/2010/main">
                <a:solidFill>
                  <a:srgbClr val="FFFFFF"/>
                </a:solidFill>
              </a14:hiddenFill>
            </a:ext>
          </a:extLst>
        </p:spPr>
      </p:pic>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p:txBody>
          <a:bodyPr/>
          <a:lstStyle/>
          <a:p>
            <a:r>
              <a:rPr lang="en-GB"/>
              <a:t>The group</a:t>
            </a:r>
          </a:p>
        </p:txBody>
      </p:sp>
      <p:sp>
        <p:nvSpPr>
          <p:cNvPr id="7" name="Text Placeholder 6">
            <a:extLst>
              <a:ext uri="{FF2B5EF4-FFF2-40B4-BE49-F238E27FC236}">
                <a16:creationId xmlns:a16="http://schemas.microsoft.com/office/drawing/2014/main" id="{C9EB49E6-F218-B959-CE40-297A4FAE8456}"/>
              </a:ext>
            </a:extLst>
          </p:cNvPr>
          <p:cNvSpPr>
            <a:spLocks noGrp="1"/>
          </p:cNvSpPr>
          <p:nvPr>
            <p:ph type="body" sz="quarter" idx="12"/>
          </p:nvPr>
        </p:nvSpPr>
        <p:spPr/>
        <p:txBody>
          <a:bodyPr vert="horz" lIns="0" tIns="0" rIns="0" bIns="0" rtlCol="0" anchor="t">
            <a:normAutofit/>
          </a:bodyPr>
          <a:lstStyle/>
          <a:p>
            <a:r>
              <a:rPr lang="en-GB"/>
              <a:t>16 permanent scientists</a:t>
            </a:r>
          </a:p>
          <a:p>
            <a:r>
              <a:rPr lang="en-GB"/>
              <a:t>Numerical methods and simulation tools</a:t>
            </a:r>
          </a:p>
          <a:p>
            <a:r>
              <a:rPr lang="en-GB"/>
              <a:t>Subsurface applications</a:t>
            </a:r>
          </a:p>
          <a:p>
            <a:r>
              <a:rPr lang="en-GB"/>
              <a:t>MRST</a:t>
            </a:r>
          </a:p>
          <a:p>
            <a:r>
              <a:rPr lang="en-GB">
                <a:latin typeface="Calibri Light"/>
                <a:ea typeface="Calibri Light"/>
                <a:cs typeface="Calibri Light"/>
              </a:rPr>
              <a:t>Gemini </a:t>
            </a:r>
            <a:r>
              <a:rPr lang="en-GB" err="1">
                <a:latin typeface="Calibri Light"/>
                <a:ea typeface="Calibri Light"/>
                <a:cs typeface="Calibri Light"/>
              </a:rPr>
              <a:t>center</a:t>
            </a:r>
            <a:r>
              <a:rPr lang="en-GB">
                <a:latin typeface="Calibri Light"/>
                <a:ea typeface="Calibri Light"/>
                <a:cs typeface="Calibri Light"/>
              </a:rPr>
              <a:t> on quantum computing</a:t>
            </a:r>
            <a:endParaRPr lang="en-GB">
              <a:ea typeface="Calibri Light"/>
            </a:endParaRPr>
          </a:p>
          <a:p>
            <a:endParaRPr lang="en-GB"/>
          </a:p>
          <a:p>
            <a:endParaRPr lang="en-GB"/>
          </a:p>
          <a:p>
            <a:endParaRPr lang="en-GB">
              <a:ea typeface="Calibri Light" panose="020F0302020204030204" pitchFamily="34" charset="0"/>
            </a:endParaRPr>
          </a:p>
        </p:txBody>
      </p:sp>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4"/>
          </p:nvPr>
        </p:nvSpPr>
        <p:spPr/>
        <p:txBody>
          <a:bodyPr/>
          <a:lstStyle/>
          <a:p>
            <a:r>
              <a:rPr lang="en-US"/>
              <a:t>Technology for a better society</a:t>
            </a:r>
            <a:endParaRPr lang="nb-NO"/>
          </a:p>
        </p:txBody>
      </p:sp>
      <p:pic>
        <p:nvPicPr>
          <p:cNvPr id="2" name="Bilde 2">
            <a:extLst>
              <a:ext uri="{FF2B5EF4-FFF2-40B4-BE49-F238E27FC236}">
                <a16:creationId xmlns:a16="http://schemas.microsoft.com/office/drawing/2014/main" id="{80E17615-2792-5397-66EE-C14BEC4FBCA9}"/>
              </a:ext>
            </a:extLst>
          </p:cNvPr>
          <p:cNvPicPr>
            <a:picLocks noChangeAspect="1"/>
          </p:cNvPicPr>
          <p:nvPr/>
        </p:nvPicPr>
        <p:blipFill>
          <a:blip r:embed="rId5"/>
          <a:stretch>
            <a:fillRect/>
          </a:stretch>
        </p:blipFill>
        <p:spPr>
          <a:xfrm>
            <a:off x="8336795" y="2371407"/>
            <a:ext cx="3765108" cy="2081971"/>
          </a:xfrm>
          <a:prstGeom prst="rect">
            <a:avLst/>
          </a:prstGeom>
        </p:spPr>
      </p:pic>
      <p:pic>
        <p:nvPicPr>
          <p:cNvPr id="3" name="Bilde 4">
            <a:extLst>
              <a:ext uri="{FF2B5EF4-FFF2-40B4-BE49-F238E27FC236}">
                <a16:creationId xmlns:a16="http://schemas.microsoft.com/office/drawing/2014/main" id="{E1B4E325-B279-D3E9-8861-572501B0103E}"/>
              </a:ext>
            </a:extLst>
          </p:cNvPr>
          <p:cNvPicPr>
            <a:picLocks noChangeAspect="1"/>
          </p:cNvPicPr>
          <p:nvPr/>
        </p:nvPicPr>
        <p:blipFill rotWithShape="1">
          <a:blip r:embed="rId6"/>
          <a:srcRect l="9225" t="7333" r="12915" b="4503"/>
          <a:stretch/>
        </p:blipFill>
        <p:spPr>
          <a:xfrm>
            <a:off x="5489634" y="4665454"/>
            <a:ext cx="3026353" cy="1901340"/>
          </a:xfrm>
          <a:prstGeom prst="rect">
            <a:avLst/>
          </a:prstGeom>
        </p:spPr>
      </p:pic>
      <p:pic>
        <p:nvPicPr>
          <p:cNvPr id="5" name="Bilde 7">
            <a:extLst>
              <a:ext uri="{FF2B5EF4-FFF2-40B4-BE49-F238E27FC236}">
                <a16:creationId xmlns:a16="http://schemas.microsoft.com/office/drawing/2014/main" id="{4691B103-1F45-38AE-FC2D-521AB189EEB8}"/>
              </a:ext>
            </a:extLst>
          </p:cNvPr>
          <p:cNvPicPr>
            <a:picLocks noChangeAspect="1"/>
          </p:cNvPicPr>
          <p:nvPr/>
        </p:nvPicPr>
        <p:blipFill>
          <a:blip r:embed="rId7"/>
          <a:stretch>
            <a:fillRect/>
          </a:stretch>
        </p:blipFill>
        <p:spPr>
          <a:xfrm>
            <a:off x="9008853" y="4664800"/>
            <a:ext cx="2743200" cy="1870364"/>
          </a:xfrm>
          <a:prstGeom prst="rect">
            <a:avLst/>
          </a:prstGeom>
        </p:spPr>
      </p:pic>
      <p:sp>
        <p:nvSpPr>
          <p:cNvPr id="8" name="TekstSylinder 7">
            <a:extLst>
              <a:ext uri="{FF2B5EF4-FFF2-40B4-BE49-F238E27FC236}">
                <a16:creationId xmlns:a16="http://schemas.microsoft.com/office/drawing/2014/main" id="{31655CBB-FE3F-1020-21BC-EEBC08409679}"/>
              </a:ext>
            </a:extLst>
          </p:cNvPr>
          <p:cNvSpPr txBox="1"/>
          <p:nvPr/>
        </p:nvSpPr>
        <p:spPr>
          <a:xfrm>
            <a:off x="10734136" y="6564702"/>
            <a:ext cx="2743200"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solidFill>
                  <a:srgbClr val="181817"/>
                </a:solidFill>
                <a:latin typeface="noto sans"/>
                <a:ea typeface="noto sans"/>
                <a:cs typeface="noto sans"/>
              </a:rPr>
              <a:t>Lie, K. (2019)</a:t>
            </a:r>
            <a:endParaRPr lang="en-US"/>
          </a:p>
        </p:txBody>
      </p:sp>
    </p:spTree>
    <p:custDataLst>
      <p:tags r:id="rId1"/>
    </p:custDataLst>
    <p:extLst>
      <p:ext uri="{BB962C8B-B14F-4D97-AF65-F5344CB8AC3E}">
        <p14:creationId xmlns:p14="http://schemas.microsoft.com/office/powerpoint/2010/main" val="325435150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9BC9DF4-C051-4191-845B-5F14AFD0286F}"/>
              </a:ext>
            </a:extLst>
          </p:cNvPr>
          <p:cNvSpPr>
            <a:spLocks noGrp="1"/>
          </p:cNvSpPr>
          <p:nvPr>
            <p:ph type="title"/>
          </p:nvPr>
        </p:nvSpPr>
        <p:spPr/>
        <p:txBody>
          <a:bodyPr/>
          <a:lstStyle/>
          <a:p>
            <a:r>
              <a:rPr lang="en-GB"/>
              <a:t>My project – CO2 migration</a:t>
            </a:r>
          </a:p>
        </p:txBody>
      </p:sp>
      <p:sp>
        <p:nvSpPr>
          <p:cNvPr id="3" name="Text Placeholder 2">
            <a:extLst>
              <a:ext uri="{FF2B5EF4-FFF2-40B4-BE49-F238E27FC236}">
                <a16:creationId xmlns:a16="http://schemas.microsoft.com/office/drawing/2014/main" id="{2FC06C17-1E33-4899-990D-562A42466C64}"/>
              </a:ext>
            </a:extLst>
          </p:cNvPr>
          <p:cNvSpPr>
            <a:spLocks noGrp="1"/>
          </p:cNvSpPr>
          <p:nvPr>
            <p:ph type="body" sz="quarter" idx="12"/>
          </p:nvPr>
        </p:nvSpPr>
        <p:spPr/>
        <p:txBody>
          <a:bodyPr vert="horz" lIns="0" tIns="0" rIns="0" bIns="0" rtlCol="0" anchor="t">
            <a:normAutofit/>
          </a:bodyPr>
          <a:lstStyle/>
          <a:p>
            <a:r>
              <a:rPr lang="en-GB" u="sng">
                <a:latin typeface="Calibri Light"/>
                <a:cs typeface="Calibri Light"/>
              </a:rPr>
              <a:t>What?</a:t>
            </a:r>
          </a:p>
          <a:p>
            <a:pPr lvl="1"/>
            <a:r>
              <a:rPr lang="en-GB">
                <a:latin typeface="Calibri Light"/>
                <a:cs typeface="Calibri Light"/>
              </a:rPr>
              <a:t>Flow of CO2 in reservoirs</a:t>
            </a:r>
          </a:p>
          <a:p>
            <a:pPr lvl="1"/>
            <a:r>
              <a:rPr lang="en-GB">
                <a:latin typeface="Calibri Light"/>
                <a:cs typeface="Calibri Light"/>
              </a:rPr>
              <a:t>CO2-storage</a:t>
            </a:r>
          </a:p>
          <a:p>
            <a:endParaRPr lang="en-GB"/>
          </a:p>
        </p:txBody>
      </p:sp>
      <p:sp>
        <p:nvSpPr>
          <p:cNvPr id="4" name="Footer Placeholder 3">
            <a:extLst>
              <a:ext uri="{FF2B5EF4-FFF2-40B4-BE49-F238E27FC236}">
                <a16:creationId xmlns:a16="http://schemas.microsoft.com/office/drawing/2014/main" id="{E4B6A31A-4D2B-41A2-BE7F-8B2E4F153BB6}"/>
              </a:ext>
            </a:extLst>
          </p:cNvPr>
          <p:cNvSpPr>
            <a:spLocks noGrp="1"/>
          </p:cNvSpPr>
          <p:nvPr>
            <p:ph type="ftr" sz="quarter" idx="14"/>
          </p:nvPr>
        </p:nvSpPr>
        <p:spPr/>
        <p:txBody>
          <a:bodyPr/>
          <a:lstStyle/>
          <a:p>
            <a:r>
              <a:rPr lang="en-US"/>
              <a:t>Technology for a better society</a:t>
            </a:r>
            <a:endParaRPr lang="nb-NO"/>
          </a:p>
        </p:txBody>
      </p:sp>
      <p:pic>
        <p:nvPicPr>
          <p:cNvPr id="5" name="Bilde 5">
            <a:extLst>
              <a:ext uri="{FF2B5EF4-FFF2-40B4-BE49-F238E27FC236}">
                <a16:creationId xmlns:a16="http://schemas.microsoft.com/office/drawing/2014/main" id="{851E7446-7BC7-BEF0-66F9-EBE945D6DFBC}"/>
              </a:ext>
            </a:extLst>
          </p:cNvPr>
          <p:cNvPicPr>
            <a:picLocks noChangeAspect="1"/>
          </p:cNvPicPr>
          <p:nvPr/>
        </p:nvPicPr>
        <p:blipFill>
          <a:blip r:embed="rId3"/>
          <a:stretch>
            <a:fillRect/>
          </a:stretch>
        </p:blipFill>
        <p:spPr>
          <a:xfrm>
            <a:off x="5443268" y="1570133"/>
            <a:ext cx="2743200" cy="1848678"/>
          </a:xfrm>
          <a:prstGeom prst="rect">
            <a:avLst/>
          </a:prstGeom>
        </p:spPr>
      </p:pic>
    </p:spTree>
    <p:extLst>
      <p:ext uri="{BB962C8B-B14F-4D97-AF65-F5344CB8AC3E}">
        <p14:creationId xmlns:p14="http://schemas.microsoft.com/office/powerpoint/2010/main" val="135072969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9BC9DF4-C051-4191-845B-5F14AFD0286F}"/>
              </a:ext>
            </a:extLst>
          </p:cNvPr>
          <p:cNvSpPr>
            <a:spLocks noGrp="1"/>
          </p:cNvSpPr>
          <p:nvPr>
            <p:ph type="title"/>
          </p:nvPr>
        </p:nvSpPr>
        <p:spPr/>
        <p:txBody>
          <a:bodyPr/>
          <a:lstStyle/>
          <a:p>
            <a:r>
              <a:rPr lang="en-GB"/>
              <a:t>My project – CO2 migration</a:t>
            </a:r>
          </a:p>
        </p:txBody>
      </p:sp>
      <p:sp>
        <p:nvSpPr>
          <p:cNvPr id="3" name="Text Placeholder 2">
            <a:extLst>
              <a:ext uri="{FF2B5EF4-FFF2-40B4-BE49-F238E27FC236}">
                <a16:creationId xmlns:a16="http://schemas.microsoft.com/office/drawing/2014/main" id="{2FC06C17-1E33-4899-990D-562A42466C64}"/>
              </a:ext>
            </a:extLst>
          </p:cNvPr>
          <p:cNvSpPr>
            <a:spLocks noGrp="1"/>
          </p:cNvSpPr>
          <p:nvPr>
            <p:ph type="body" sz="quarter" idx="12"/>
          </p:nvPr>
        </p:nvSpPr>
        <p:spPr/>
        <p:txBody>
          <a:bodyPr vert="horz" lIns="0" tIns="0" rIns="0" bIns="0" rtlCol="0" anchor="t">
            <a:normAutofit/>
          </a:bodyPr>
          <a:lstStyle/>
          <a:p>
            <a:r>
              <a:rPr lang="en-GB" u="sng">
                <a:latin typeface="Calibri Light"/>
                <a:cs typeface="Calibri Light"/>
              </a:rPr>
              <a:t>What?</a:t>
            </a:r>
          </a:p>
          <a:p>
            <a:pPr lvl="1"/>
            <a:r>
              <a:rPr lang="en-GB">
                <a:latin typeface="Calibri Light"/>
                <a:cs typeface="Calibri Light"/>
              </a:rPr>
              <a:t>Flow of CO2 in reservoirs</a:t>
            </a:r>
          </a:p>
          <a:p>
            <a:pPr lvl="1"/>
            <a:r>
              <a:rPr lang="en-GB">
                <a:latin typeface="Calibri Light"/>
                <a:cs typeface="Calibri Light"/>
              </a:rPr>
              <a:t>CO2-storage</a:t>
            </a:r>
          </a:p>
          <a:p>
            <a:r>
              <a:rPr lang="en-GB" u="sng">
                <a:latin typeface="Calibri Light"/>
                <a:cs typeface="Calibri Light"/>
              </a:rPr>
              <a:t>Why?</a:t>
            </a:r>
          </a:p>
          <a:p>
            <a:pPr lvl="1"/>
            <a:r>
              <a:rPr lang="en-GB">
                <a:latin typeface="Calibri Light"/>
                <a:cs typeface="Calibri Light"/>
              </a:rPr>
              <a:t>Minimize leakage</a:t>
            </a:r>
          </a:p>
          <a:p>
            <a:pPr lvl="1"/>
            <a:r>
              <a:rPr lang="en-GB">
                <a:latin typeface="Calibri Light"/>
                <a:cs typeface="Calibri Light"/>
              </a:rPr>
              <a:t>Large temporal + spatial scales</a:t>
            </a:r>
            <a:endParaRPr lang="en-GB"/>
          </a:p>
          <a:p>
            <a:endParaRPr lang="en-GB"/>
          </a:p>
        </p:txBody>
      </p:sp>
      <p:sp>
        <p:nvSpPr>
          <p:cNvPr id="4" name="Footer Placeholder 3">
            <a:extLst>
              <a:ext uri="{FF2B5EF4-FFF2-40B4-BE49-F238E27FC236}">
                <a16:creationId xmlns:a16="http://schemas.microsoft.com/office/drawing/2014/main" id="{E4B6A31A-4D2B-41A2-BE7F-8B2E4F153BB6}"/>
              </a:ext>
            </a:extLst>
          </p:cNvPr>
          <p:cNvSpPr>
            <a:spLocks noGrp="1"/>
          </p:cNvSpPr>
          <p:nvPr>
            <p:ph type="ftr" sz="quarter" idx="14"/>
          </p:nvPr>
        </p:nvSpPr>
        <p:spPr/>
        <p:txBody>
          <a:bodyPr/>
          <a:lstStyle/>
          <a:p>
            <a:r>
              <a:rPr lang="en-US"/>
              <a:t>Technology for a better society</a:t>
            </a:r>
            <a:endParaRPr lang="nb-NO"/>
          </a:p>
        </p:txBody>
      </p:sp>
      <p:pic>
        <p:nvPicPr>
          <p:cNvPr id="6" name="Bilde 5">
            <a:extLst>
              <a:ext uri="{FF2B5EF4-FFF2-40B4-BE49-F238E27FC236}">
                <a16:creationId xmlns:a16="http://schemas.microsoft.com/office/drawing/2014/main" id="{E359F2DC-A0A2-8834-7ED1-DD3B149E4EF6}"/>
              </a:ext>
            </a:extLst>
          </p:cNvPr>
          <p:cNvPicPr>
            <a:picLocks noChangeAspect="1"/>
          </p:cNvPicPr>
          <p:nvPr/>
        </p:nvPicPr>
        <p:blipFill>
          <a:blip r:embed="rId3"/>
          <a:stretch>
            <a:fillRect/>
          </a:stretch>
        </p:blipFill>
        <p:spPr>
          <a:xfrm>
            <a:off x="5443268" y="1570133"/>
            <a:ext cx="2743200" cy="1848678"/>
          </a:xfrm>
          <a:prstGeom prst="rect">
            <a:avLst/>
          </a:prstGeom>
        </p:spPr>
      </p:pic>
      <p:pic>
        <p:nvPicPr>
          <p:cNvPr id="7" name="Bilde 7">
            <a:extLst>
              <a:ext uri="{FF2B5EF4-FFF2-40B4-BE49-F238E27FC236}">
                <a16:creationId xmlns:a16="http://schemas.microsoft.com/office/drawing/2014/main" id="{F0FC1722-2B6E-AD74-03BD-B68F8288B916}"/>
              </a:ext>
            </a:extLst>
          </p:cNvPr>
          <p:cNvPicPr>
            <a:picLocks noChangeAspect="1"/>
          </p:cNvPicPr>
          <p:nvPr/>
        </p:nvPicPr>
        <p:blipFill>
          <a:blip r:embed="rId4"/>
          <a:stretch>
            <a:fillRect/>
          </a:stretch>
        </p:blipFill>
        <p:spPr>
          <a:xfrm>
            <a:off x="8520022" y="2949190"/>
            <a:ext cx="3404558" cy="2368600"/>
          </a:xfrm>
          <a:prstGeom prst="rect">
            <a:avLst/>
          </a:prstGeom>
        </p:spPr>
      </p:pic>
    </p:spTree>
    <p:extLst>
      <p:ext uri="{BB962C8B-B14F-4D97-AF65-F5344CB8AC3E}">
        <p14:creationId xmlns:p14="http://schemas.microsoft.com/office/powerpoint/2010/main" val="387718603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9BC9DF4-C051-4191-845B-5F14AFD0286F}"/>
              </a:ext>
            </a:extLst>
          </p:cNvPr>
          <p:cNvSpPr>
            <a:spLocks noGrp="1"/>
          </p:cNvSpPr>
          <p:nvPr>
            <p:ph type="title"/>
          </p:nvPr>
        </p:nvSpPr>
        <p:spPr/>
        <p:txBody>
          <a:bodyPr/>
          <a:lstStyle/>
          <a:p>
            <a:r>
              <a:rPr lang="en-GB"/>
              <a:t>My project – CO2 migration</a:t>
            </a:r>
          </a:p>
        </p:txBody>
      </p:sp>
      <p:sp>
        <p:nvSpPr>
          <p:cNvPr id="3" name="Text Placeholder 2">
            <a:extLst>
              <a:ext uri="{FF2B5EF4-FFF2-40B4-BE49-F238E27FC236}">
                <a16:creationId xmlns:a16="http://schemas.microsoft.com/office/drawing/2014/main" id="{2FC06C17-1E33-4899-990D-562A42466C64}"/>
              </a:ext>
            </a:extLst>
          </p:cNvPr>
          <p:cNvSpPr>
            <a:spLocks noGrp="1"/>
          </p:cNvSpPr>
          <p:nvPr>
            <p:ph type="body" sz="quarter" idx="12"/>
          </p:nvPr>
        </p:nvSpPr>
        <p:spPr/>
        <p:txBody>
          <a:bodyPr vert="horz" lIns="0" tIns="0" rIns="0" bIns="0" rtlCol="0" anchor="t">
            <a:normAutofit/>
          </a:bodyPr>
          <a:lstStyle/>
          <a:p>
            <a:r>
              <a:rPr lang="en-GB" u="sng">
                <a:latin typeface="Calibri Light"/>
                <a:cs typeface="Calibri Light"/>
              </a:rPr>
              <a:t>What?</a:t>
            </a:r>
          </a:p>
          <a:p>
            <a:pPr lvl="1"/>
            <a:r>
              <a:rPr lang="en-GB">
                <a:latin typeface="Calibri Light"/>
                <a:cs typeface="Calibri Light"/>
              </a:rPr>
              <a:t>Flow of CO2 in reservoirs</a:t>
            </a:r>
          </a:p>
          <a:p>
            <a:pPr lvl="1"/>
            <a:r>
              <a:rPr lang="en-GB">
                <a:latin typeface="Calibri Light"/>
                <a:cs typeface="Calibri Light"/>
              </a:rPr>
              <a:t>CO2-storage</a:t>
            </a:r>
          </a:p>
          <a:p>
            <a:r>
              <a:rPr lang="en-GB" u="sng">
                <a:latin typeface="Calibri Light"/>
                <a:cs typeface="Calibri Light"/>
              </a:rPr>
              <a:t>Why?</a:t>
            </a:r>
          </a:p>
          <a:p>
            <a:pPr lvl="1"/>
            <a:r>
              <a:rPr lang="en-GB">
                <a:latin typeface="Calibri Light"/>
                <a:cs typeface="Calibri Light"/>
              </a:rPr>
              <a:t>Minimize leakage</a:t>
            </a:r>
          </a:p>
          <a:p>
            <a:pPr lvl="1"/>
            <a:r>
              <a:rPr lang="en-GB">
                <a:latin typeface="Calibri Light"/>
                <a:cs typeface="Calibri Light"/>
              </a:rPr>
              <a:t>Large temporal + spatial scales</a:t>
            </a:r>
            <a:endParaRPr lang="en-GB"/>
          </a:p>
          <a:p>
            <a:r>
              <a:rPr lang="en-GB" u="sng">
                <a:latin typeface="Calibri Light"/>
                <a:cs typeface="Calibri Light"/>
              </a:rPr>
              <a:t>How?</a:t>
            </a:r>
          </a:p>
          <a:p>
            <a:pPr lvl="1"/>
            <a:r>
              <a:rPr lang="en-GB">
                <a:latin typeface="Calibri Light"/>
                <a:cs typeface="Calibri Light"/>
              </a:rPr>
              <a:t>Numerical discretization</a:t>
            </a:r>
          </a:p>
          <a:p>
            <a:pPr lvl="1"/>
            <a:r>
              <a:rPr lang="en-GB">
                <a:latin typeface="Calibri Light"/>
                <a:cs typeface="Calibri Light"/>
              </a:rPr>
              <a:t>Predict migration paths</a:t>
            </a:r>
          </a:p>
          <a:p>
            <a:endParaRPr lang="en-GB"/>
          </a:p>
        </p:txBody>
      </p:sp>
      <p:sp>
        <p:nvSpPr>
          <p:cNvPr id="4" name="Footer Placeholder 3">
            <a:extLst>
              <a:ext uri="{FF2B5EF4-FFF2-40B4-BE49-F238E27FC236}">
                <a16:creationId xmlns:a16="http://schemas.microsoft.com/office/drawing/2014/main" id="{E4B6A31A-4D2B-41A2-BE7F-8B2E4F153BB6}"/>
              </a:ext>
            </a:extLst>
          </p:cNvPr>
          <p:cNvSpPr>
            <a:spLocks noGrp="1"/>
          </p:cNvSpPr>
          <p:nvPr>
            <p:ph type="ftr" sz="quarter" idx="14"/>
          </p:nvPr>
        </p:nvSpPr>
        <p:spPr/>
        <p:txBody>
          <a:bodyPr/>
          <a:lstStyle/>
          <a:p>
            <a:r>
              <a:rPr lang="en-US"/>
              <a:t>Technology for a better society</a:t>
            </a:r>
            <a:endParaRPr lang="nb-NO"/>
          </a:p>
        </p:txBody>
      </p:sp>
      <p:pic>
        <p:nvPicPr>
          <p:cNvPr id="6" name="Bilde 5">
            <a:extLst>
              <a:ext uri="{FF2B5EF4-FFF2-40B4-BE49-F238E27FC236}">
                <a16:creationId xmlns:a16="http://schemas.microsoft.com/office/drawing/2014/main" id="{D8617406-DE33-E4B3-206D-06031B07E1D5}"/>
              </a:ext>
            </a:extLst>
          </p:cNvPr>
          <p:cNvPicPr>
            <a:picLocks noChangeAspect="1"/>
          </p:cNvPicPr>
          <p:nvPr/>
        </p:nvPicPr>
        <p:blipFill>
          <a:blip r:embed="rId3"/>
          <a:stretch>
            <a:fillRect/>
          </a:stretch>
        </p:blipFill>
        <p:spPr>
          <a:xfrm>
            <a:off x="5443268" y="1570133"/>
            <a:ext cx="2743200" cy="1848678"/>
          </a:xfrm>
          <a:prstGeom prst="rect">
            <a:avLst/>
          </a:prstGeom>
        </p:spPr>
      </p:pic>
      <p:pic>
        <p:nvPicPr>
          <p:cNvPr id="9" name="Bilde 7" descr="Et bilde som inneholder tekst, skriver, kompakt disk&#10;&#10;Automatisk generert beskrivelse">
            <a:extLst>
              <a:ext uri="{FF2B5EF4-FFF2-40B4-BE49-F238E27FC236}">
                <a16:creationId xmlns:a16="http://schemas.microsoft.com/office/drawing/2014/main" id="{CAEBA05D-EC28-7906-06AA-FB234998C590}"/>
              </a:ext>
            </a:extLst>
          </p:cNvPr>
          <p:cNvPicPr>
            <a:picLocks noChangeAspect="1"/>
          </p:cNvPicPr>
          <p:nvPr/>
        </p:nvPicPr>
        <p:blipFill>
          <a:blip r:embed="rId4"/>
          <a:stretch>
            <a:fillRect/>
          </a:stretch>
        </p:blipFill>
        <p:spPr>
          <a:xfrm>
            <a:off x="8520022" y="2949190"/>
            <a:ext cx="3404558" cy="2368600"/>
          </a:xfrm>
          <a:prstGeom prst="rect">
            <a:avLst/>
          </a:prstGeom>
        </p:spPr>
      </p:pic>
      <p:pic>
        <p:nvPicPr>
          <p:cNvPr id="10" name="Bilde 10" descr="Et bilde som inneholder innendørs&#10;&#10;Automatisk generert beskrivelse">
            <a:extLst>
              <a:ext uri="{FF2B5EF4-FFF2-40B4-BE49-F238E27FC236}">
                <a16:creationId xmlns:a16="http://schemas.microsoft.com/office/drawing/2014/main" id="{08358F6F-9AB0-23B4-660A-F6AF63D5EB84}"/>
              </a:ext>
            </a:extLst>
          </p:cNvPr>
          <p:cNvPicPr>
            <a:picLocks noChangeAspect="1"/>
          </p:cNvPicPr>
          <p:nvPr/>
        </p:nvPicPr>
        <p:blipFill>
          <a:blip r:embed="rId5"/>
          <a:stretch>
            <a:fillRect/>
          </a:stretch>
        </p:blipFill>
        <p:spPr>
          <a:xfrm>
            <a:off x="4594375" y="4651166"/>
            <a:ext cx="3118269" cy="1897631"/>
          </a:xfrm>
          <a:prstGeom prst="rect">
            <a:avLst/>
          </a:prstGeom>
        </p:spPr>
      </p:pic>
    </p:spTree>
    <p:extLst>
      <p:ext uri="{BB962C8B-B14F-4D97-AF65-F5344CB8AC3E}">
        <p14:creationId xmlns:p14="http://schemas.microsoft.com/office/powerpoint/2010/main" val="370435551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6E5A50-F201-455C-9244-DBE98CC8A1DB}"/>
              </a:ext>
            </a:extLst>
          </p:cNvPr>
          <p:cNvSpPr>
            <a:spLocks noGrp="1"/>
          </p:cNvSpPr>
          <p:nvPr>
            <p:ph type="title"/>
          </p:nvPr>
        </p:nvSpPr>
        <p:spPr/>
        <p:txBody>
          <a:bodyPr/>
          <a:lstStyle/>
          <a:p>
            <a:r>
              <a:rPr lang="en-GB"/>
              <a:t>Overarching goal</a:t>
            </a:r>
          </a:p>
        </p:txBody>
      </p:sp>
      <p:sp>
        <p:nvSpPr>
          <p:cNvPr id="3" name="Text Placeholder 2">
            <a:extLst>
              <a:ext uri="{FF2B5EF4-FFF2-40B4-BE49-F238E27FC236}">
                <a16:creationId xmlns:a16="http://schemas.microsoft.com/office/drawing/2014/main" id="{FA9BEED1-AEBE-44D8-AAD0-24BFA9803846}"/>
              </a:ext>
            </a:extLst>
          </p:cNvPr>
          <p:cNvSpPr>
            <a:spLocks noGrp="1"/>
          </p:cNvSpPr>
          <p:nvPr>
            <p:ph type="body" sz="quarter" idx="12"/>
          </p:nvPr>
        </p:nvSpPr>
        <p:spPr/>
        <p:txBody>
          <a:bodyPr vert="horz" lIns="0" tIns="0" rIns="0" bIns="0" rtlCol="0" anchor="t">
            <a:normAutofit/>
          </a:bodyPr>
          <a:lstStyle/>
          <a:p>
            <a:r>
              <a:rPr lang="en-GB">
                <a:latin typeface="Calibri Light"/>
                <a:cs typeface="Calibri Light"/>
              </a:rPr>
              <a:t>Sensitivity to reservoir parameters</a:t>
            </a:r>
            <a:endParaRPr lang="en-GB"/>
          </a:p>
          <a:p>
            <a:endParaRPr lang="en-GB"/>
          </a:p>
          <a:p>
            <a:r>
              <a:rPr lang="en-GB">
                <a:latin typeface="Calibri Light"/>
                <a:cs typeface="Calibri Light"/>
              </a:rPr>
              <a:t>Trapped vs. leaked CO2</a:t>
            </a:r>
          </a:p>
          <a:p>
            <a:r>
              <a:rPr lang="en-GB">
                <a:latin typeface="Calibri Light"/>
                <a:cs typeface="Calibri Light"/>
              </a:rPr>
              <a:t>Max injected CO2 before leakage</a:t>
            </a:r>
          </a:p>
          <a:p>
            <a:pPr lvl="1"/>
            <a:endParaRPr lang="en-GB"/>
          </a:p>
          <a:p>
            <a:r>
              <a:rPr lang="en-GB">
                <a:latin typeface="Calibri Light"/>
                <a:cs typeface="Calibri Light"/>
              </a:rPr>
              <a:t>Synthetic grids</a:t>
            </a:r>
          </a:p>
        </p:txBody>
      </p:sp>
      <p:pic>
        <p:nvPicPr>
          <p:cNvPr id="8" name="Picture 7" descr="Timeline&#10;&#10;Description automatically generated with medium confidence">
            <a:extLst>
              <a:ext uri="{FF2B5EF4-FFF2-40B4-BE49-F238E27FC236}">
                <a16:creationId xmlns:a16="http://schemas.microsoft.com/office/drawing/2014/main" id="{0152DA29-146C-4FA6-AFED-BA2105AD81D5}"/>
              </a:ext>
            </a:extLst>
          </p:cNvPr>
          <p:cNvPicPr>
            <a:picLocks noChangeAspect="1"/>
          </p:cNvPicPr>
          <p:nvPr/>
        </p:nvPicPr>
        <p:blipFill rotWithShape="1">
          <a:blip r:embed="rId3">
            <a:extLst>
              <a:ext uri="{28A0092B-C50C-407E-A947-70E740481C1C}">
                <a14:useLocalDpi xmlns:a14="http://schemas.microsoft.com/office/drawing/2010/main" val="0"/>
              </a:ext>
            </a:extLst>
          </a:blip>
          <a:srcRect l="7710" t="19957" r="6347" b="37906"/>
          <a:stretch/>
        </p:blipFill>
        <p:spPr>
          <a:xfrm>
            <a:off x="7687218" y="2073510"/>
            <a:ext cx="3443254" cy="1265676"/>
          </a:xfrm>
          <a:prstGeom prst="rect">
            <a:avLst/>
          </a:prstGeom>
        </p:spPr>
      </p:pic>
      <p:pic>
        <p:nvPicPr>
          <p:cNvPr id="1030" name="Picture 6" descr="Figure 1. Relationship between the relative amount of CO2 trapped by the different physical and chemical processes of trapping and time (modified after Benson et al.).5 Note that the timescale is speculative.">
            <a:extLst>
              <a:ext uri="{FF2B5EF4-FFF2-40B4-BE49-F238E27FC236}">
                <a16:creationId xmlns:a16="http://schemas.microsoft.com/office/drawing/2014/main" id="{ED721723-24CC-4375-AD2E-B390C90E1E3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839672" y="3498924"/>
            <a:ext cx="3270679" cy="3359076"/>
          </a:xfrm>
          <a:prstGeom prst="rect">
            <a:avLst/>
          </a:prstGeom>
          <a:noFill/>
          <a:extLst>
            <a:ext uri="{909E8E84-426E-40DD-AFC4-6F175D3DCCD1}">
              <a14:hiddenFill xmlns:a14="http://schemas.microsoft.com/office/drawing/2010/main">
                <a:solidFill>
                  <a:srgbClr val="FFFFFF"/>
                </a:solidFill>
              </a14:hiddenFill>
            </a:ext>
          </a:extLst>
        </p:spPr>
      </p:pic>
      <p:sp>
        <p:nvSpPr>
          <p:cNvPr id="14" name="TextBox 13">
            <a:extLst>
              <a:ext uri="{FF2B5EF4-FFF2-40B4-BE49-F238E27FC236}">
                <a16:creationId xmlns:a16="http://schemas.microsoft.com/office/drawing/2014/main" id="{85E7D34A-31BA-4E95-A4AB-F8B906D52F15}"/>
              </a:ext>
            </a:extLst>
          </p:cNvPr>
          <p:cNvSpPr txBox="1"/>
          <p:nvPr/>
        </p:nvSpPr>
        <p:spPr>
          <a:xfrm>
            <a:off x="3888131" y="6485332"/>
            <a:ext cx="5317404" cy="369332"/>
          </a:xfrm>
          <a:prstGeom prst="rect">
            <a:avLst/>
          </a:prstGeom>
          <a:noFill/>
        </p:spPr>
        <p:txBody>
          <a:bodyPr wrap="square">
            <a:spAutoFit/>
          </a:bodyPr>
          <a:lstStyle/>
          <a:p>
            <a:r>
              <a:rPr lang="en-GB" b="0" i="0">
                <a:solidFill>
                  <a:srgbClr val="2E414F"/>
                </a:solidFill>
                <a:effectLst/>
                <a:latin typeface="Roboto" panose="02000000000000000000" pitchFamily="2" charset="0"/>
              </a:rPr>
              <a:t>Altman, Susan Jeanne et al</a:t>
            </a:r>
            <a:r>
              <a:rPr lang="en-GB">
                <a:solidFill>
                  <a:srgbClr val="2E414F"/>
                </a:solidFill>
                <a:latin typeface="Roboto" panose="02000000000000000000" pitchFamily="2" charset="0"/>
              </a:rPr>
              <a:t>. (</a:t>
            </a:r>
            <a:r>
              <a:rPr lang="en-GB" b="0" i="0">
                <a:solidFill>
                  <a:srgbClr val="2E414F"/>
                </a:solidFill>
                <a:effectLst/>
                <a:latin typeface="Roboto" panose="02000000000000000000" pitchFamily="2" charset="0"/>
              </a:rPr>
              <a:t>2014)</a:t>
            </a:r>
            <a:endParaRPr lang="en-GB"/>
          </a:p>
        </p:txBody>
      </p:sp>
      <p:pic>
        <p:nvPicPr>
          <p:cNvPr id="4" name="Bilde 4">
            <a:extLst>
              <a:ext uri="{FF2B5EF4-FFF2-40B4-BE49-F238E27FC236}">
                <a16:creationId xmlns:a16="http://schemas.microsoft.com/office/drawing/2014/main" id="{710C8F25-2216-31C5-0C81-FB81EEEEC195}"/>
              </a:ext>
            </a:extLst>
          </p:cNvPr>
          <p:cNvPicPr>
            <a:picLocks noChangeAspect="1"/>
          </p:cNvPicPr>
          <p:nvPr/>
        </p:nvPicPr>
        <p:blipFill rotWithShape="1">
          <a:blip r:embed="rId5"/>
          <a:srcRect l="7853" t="10918" r="2094" b="23476"/>
          <a:stretch/>
        </p:blipFill>
        <p:spPr>
          <a:xfrm>
            <a:off x="7700514" y="584137"/>
            <a:ext cx="3577372" cy="1486790"/>
          </a:xfrm>
          <a:prstGeom prst="rect">
            <a:avLst/>
          </a:prstGeom>
        </p:spPr>
      </p:pic>
    </p:spTree>
    <p:extLst>
      <p:ext uri="{BB962C8B-B14F-4D97-AF65-F5344CB8AC3E}">
        <p14:creationId xmlns:p14="http://schemas.microsoft.com/office/powerpoint/2010/main" val="15170119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FDB0A7-45F7-4C8B-AFE2-6E3484976270}"/>
              </a:ext>
            </a:extLst>
          </p:cNvPr>
          <p:cNvSpPr>
            <a:spLocks noGrp="1"/>
          </p:cNvSpPr>
          <p:nvPr>
            <p:ph type="title"/>
          </p:nvPr>
        </p:nvSpPr>
        <p:spPr/>
        <p:txBody>
          <a:bodyPr/>
          <a:lstStyle/>
          <a:p>
            <a:r>
              <a:rPr lang="en-GB"/>
              <a:t>Tentative plan</a:t>
            </a:r>
          </a:p>
        </p:txBody>
      </p:sp>
      <p:sp>
        <p:nvSpPr>
          <p:cNvPr id="3" name="Text Placeholder 2">
            <a:extLst>
              <a:ext uri="{FF2B5EF4-FFF2-40B4-BE49-F238E27FC236}">
                <a16:creationId xmlns:a16="http://schemas.microsoft.com/office/drawing/2014/main" id="{B889D0FC-EB36-4A2D-9205-1A8EE0ACA054}"/>
              </a:ext>
            </a:extLst>
          </p:cNvPr>
          <p:cNvSpPr>
            <a:spLocks noGrp="1"/>
          </p:cNvSpPr>
          <p:nvPr>
            <p:ph type="body" sz="quarter" idx="12"/>
          </p:nvPr>
        </p:nvSpPr>
        <p:spPr/>
        <p:txBody>
          <a:bodyPr vert="horz" lIns="0" tIns="0" rIns="0" bIns="0" rtlCol="0" anchor="t">
            <a:normAutofit/>
          </a:bodyPr>
          <a:lstStyle/>
          <a:p>
            <a:r>
              <a:rPr lang="en-GB">
                <a:latin typeface="Calibri Light"/>
                <a:cs typeface="Calibri Light"/>
              </a:rPr>
              <a:t>Get acquainted with MRST</a:t>
            </a:r>
          </a:p>
          <a:p>
            <a:endParaRPr lang="en-GB"/>
          </a:p>
          <a:p>
            <a:r>
              <a:rPr lang="en-GB">
                <a:latin typeface="Calibri Light"/>
                <a:cs typeface="Calibri Light"/>
              </a:rPr>
              <a:t>Start off simple</a:t>
            </a:r>
          </a:p>
          <a:p>
            <a:pPr lvl="1"/>
            <a:r>
              <a:rPr lang="en-GB">
                <a:latin typeface="Calibri Light"/>
                <a:cs typeface="Calibri Light"/>
              </a:rPr>
              <a:t>Progressively increase complexity</a:t>
            </a:r>
          </a:p>
          <a:p>
            <a:pPr lvl="1"/>
            <a:endParaRPr lang="en-GB"/>
          </a:p>
          <a:p>
            <a:r>
              <a:rPr lang="en-GB">
                <a:latin typeface="Calibri Light"/>
                <a:cs typeface="Calibri Light"/>
              </a:rPr>
              <a:t>(Generalise to real datasets)</a:t>
            </a:r>
            <a:endParaRPr lang="en-GB"/>
          </a:p>
          <a:p>
            <a:endParaRPr lang="en-GB"/>
          </a:p>
        </p:txBody>
      </p:sp>
      <p:pic>
        <p:nvPicPr>
          <p:cNvPr id="6" name="Bilde 6">
            <a:extLst>
              <a:ext uri="{FF2B5EF4-FFF2-40B4-BE49-F238E27FC236}">
                <a16:creationId xmlns:a16="http://schemas.microsoft.com/office/drawing/2014/main" id="{4A8E95F6-EE5F-9E00-3E54-23B1662C70CD}"/>
              </a:ext>
            </a:extLst>
          </p:cNvPr>
          <p:cNvPicPr>
            <a:picLocks noChangeAspect="1"/>
          </p:cNvPicPr>
          <p:nvPr/>
        </p:nvPicPr>
        <p:blipFill rotWithShape="1">
          <a:blip r:embed="rId3"/>
          <a:srcRect l="11587" t="7586" r="7394" b="25517"/>
          <a:stretch/>
        </p:blipFill>
        <p:spPr>
          <a:xfrm>
            <a:off x="9698046" y="4400708"/>
            <a:ext cx="2880348" cy="1208003"/>
          </a:xfrm>
          <a:prstGeom prst="rect">
            <a:avLst/>
          </a:prstGeom>
        </p:spPr>
      </p:pic>
      <p:pic>
        <p:nvPicPr>
          <p:cNvPr id="7" name="Bilde 7">
            <a:extLst>
              <a:ext uri="{FF2B5EF4-FFF2-40B4-BE49-F238E27FC236}">
                <a16:creationId xmlns:a16="http://schemas.microsoft.com/office/drawing/2014/main" id="{DC9E47FB-8309-3305-6FD7-6DE424CCE720}"/>
              </a:ext>
            </a:extLst>
          </p:cNvPr>
          <p:cNvPicPr>
            <a:picLocks noChangeAspect="1"/>
          </p:cNvPicPr>
          <p:nvPr/>
        </p:nvPicPr>
        <p:blipFill rotWithShape="1">
          <a:blip r:embed="rId4"/>
          <a:srcRect l="11511" t="8451" r="8273" b="26056"/>
          <a:stretch/>
        </p:blipFill>
        <p:spPr>
          <a:xfrm>
            <a:off x="5049187" y="4448790"/>
            <a:ext cx="2791691" cy="1158114"/>
          </a:xfrm>
          <a:prstGeom prst="rect">
            <a:avLst/>
          </a:prstGeom>
        </p:spPr>
      </p:pic>
      <p:pic>
        <p:nvPicPr>
          <p:cNvPr id="5" name="Bilde 5">
            <a:extLst>
              <a:ext uri="{FF2B5EF4-FFF2-40B4-BE49-F238E27FC236}">
                <a16:creationId xmlns:a16="http://schemas.microsoft.com/office/drawing/2014/main" id="{F42D4A27-FF71-B105-B3FE-8EF00000690F}"/>
              </a:ext>
            </a:extLst>
          </p:cNvPr>
          <p:cNvPicPr>
            <a:picLocks noChangeAspect="1"/>
          </p:cNvPicPr>
          <p:nvPr/>
        </p:nvPicPr>
        <p:blipFill rotWithShape="1">
          <a:blip r:embed="rId5"/>
          <a:srcRect l="11921" t="13725" r="8609" b="24837"/>
          <a:stretch/>
        </p:blipFill>
        <p:spPr>
          <a:xfrm>
            <a:off x="7255758" y="5497394"/>
            <a:ext cx="2994038" cy="1178502"/>
          </a:xfrm>
          <a:prstGeom prst="rect">
            <a:avLst/>
          </a:prstGeom>
        </p:spPr>
      </p:pic>
      <p:pic>
        <p:nvPicPr>
          <p:cNvPr id="8" name="Bilde 8">
            <a:extLst>
              <a:ext uri="{FF2B5EF4-FFF2-40B4-BE49-F238E27FC236}">
                <a16:creationId xmlns:a16="http://schemas.microsoft.com/office/drawing/2014/main" id="{80362002-E7E6-752A-B871-47567DA50063}"/>
              </a:ext>
            </a:extLst>
          </p:cNvPr>
          <p:cNvPicPr>
            <a:picLocks noChangeAspect="1"/>
          </p:cNvPicPr>
          <p:nvPr/>
        </p:nvPicPr>
        <p:blipFill>
          <a:blip r:embed="rId6"/>
          <a:stretch>
            <a:fillRect/>
          </a:stretch>
        </p:blipFill>
        <p:spPr>
          <a:xfrm>
            <a:off x="7645400" y="2859448"/>
            <a:ext cx="2223655" cy="889462"/>
          </a:xfrm>
          <a:prstGeom prst="rect">
            <a:avLst/>
          </a:prstGeom>
        </p:spPr>
      </p:pic>
      <p:pic>
        <p:nvPicPr>
          <p:cNvPr id="9" name="Bilde 9" descr="Et bilde som inneholder tekst, innendørs, natthimmel&#10;&#10;Automatisk generert beskrivelse">
            <a:extLst>
              <a:ext uri="{FF2B5EF4-FFF2-40B4-BE49-F238E27FC236}">
                <a16:creationId xmlns:a16="http://schemas.microsoft.com/office/drawing/2014/main" id="{F08ED6BB-9216-C3ED-4261-CFCA6C82CD09}"/>
              </a:ext>
            </a:extLst>
          </p:cNvPr>
          <p:cNvPicPr>
            <a:picLocks noChangeAspect="1"/>
          </p:cNvPicPr>
          <p:nvPr/>
        </p:nvPicPr>
        <p:blipFill>
          <a:blip r:embed="rId7"/>
          <a:stretch>
            <a:fillRect/>
          </a:stretch>
        </p:blipFill>
        <p:spPr>
          <a:xfrm>
            <a:off x="5500778" y="470597"/>
            <a:ext cx="1909314" cy="899109"/>
          </a:xfrm>
          <a:prstGeom prst="rect">
            <a:avLst/>
          </a:prstGeom>
        </p:spPr>
      </p:pic>
      <p:pic>
        <p:nvPicPr>
          <p:cNvPr id="10" name="Bilde 10" descr="Et bilde som inneholder ribbemanet&#10;&#10;Automatisk generert beskrivelse">
            <a:extLst>
              <a:ext uri="{FF2B5EF4-FFF2-40B4-BE49-F238E27FC236}">
                <a16:creationId xmlns:a16="http://schemas.microsoft.com/office/drawing/2014/main" id="{046D2362-522F-3143-5E85-CF6EF52670F9}"/>
              </a:ext>
            </a:extLst>
          </p:cNvPr>
          <p:cNvPicPr>
            <a:picLocks noChangeAspect="1"/>
          </p:cNvPicPr>
          <p:nvPr/>
        </p:nvPicPr>
        <p:blipFill>
          <a:blip r:embed="rId8"/>
          <a:stretch>
            <a:fillRect/>
          </a:stretch>
        </p:blipFill>
        <p:spPr>
          <a:xfrm>
            <a:off x="7484853" y="925794"/>
            <a:ext cx="2038710" cy="1038261"/>
          </a:xfrm>
          <a:prstGeom prst="rect">
            <a:avLst/>
          </a:prstGeom>
        </p:spPr>
      </p:pic>
      <p:pic>
        <p:nvPicPr>
          <p:cNvPr id="11" name="Bilde 11" descr="Et bilde som inneholder orm, virvelløse dyr, ribbemanet&#10;&#10;Automatisk generert beskrivelse">
            <a:extLst>
              <a:ext uri="{FF2B5EF4-FFF2-40B4-BE49-F238E27FC236}">
                <a16:creationId xmlns:a16="http://schemas.microsoft.com/office/drawing/2014/main" id="{3B10B904-B844-FAA1-E653-8260759D390C}"/>
              </a:ext>
            </a:extLst>
          </p:cNvPr>
          <p:cNvPicPr>
            <a:picLocks noChangeAspect="1"/>
          </p:cNvPicPr>
          <p:nvPr/>
        </p:nvPicPr>
        <p:blipFill>
          <a:blip r:embed="rId9"/>
          <a:stretch>
            <a:fillRect/>
          </a:stretch>
        </p:blipFill>
        <p:spPr>
          <a:xfrm>
            <a:off x="9607671" y="466186"/>
            <a:ext cx="2034397" cy="907931"/>
          </a:xfrm>
          <a:prstGeom prst="rect">
            <a:avLst/>
          </a:prstGeom>
        </p:spPr>
      </p:pic>
      <p:cxnSp>
        <p:nvCxnSpPr>
          <p:cNvPr id="12" name="Rett pilkobling 11">
            <a:extLst>
              <a:ext uri="{FF2B5EF4-FFF2-40B4-BE49-F238E27FC236}">
                <a16:creationId xmlns:a16="http://schemas.microsoft.com/office/drawing/2014/main" id="{B2F33FE6-681C-CC8F-FB6E-07369E4E0B1C}"/>
              </a:ext>
            </a:extLst>
          </p:cNvPr>
          <p:cNvCxnSpPr/>
          <p:nvPr/>
        </p:nvCxnSpPr>
        <p:spPr>
          <a:xfrm>
            <a:off x="6386423" y="1720970"/>
            <a:ext cx="1374474" cy="127383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 name="Rett pilkobling 12">
            <a:extLst>
              <a:ext uri="{FF2B5EF4-FFF2-40B4-BE49-F238E27FC236}">
                <a16:creationId xmlns:a16="http://schemas.microsoft.com/office/drawing/2014/main" id="{444C6EDF-E0ED-D899-CDCB-80154DC5768E}"/>
              </a:ext>
            </a:extLst>
          </p:cNvPr>
          <p:cNvCxnSpPr/>
          <p:nvPr/>
        </p:nvCxnSpPr>
        <p:spPr>
          <a:xfrm>
            <a:off x="8570883" y="1950109"/>
            <a:ext cx="37382" cy="91440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Rett pilkobling 13">
            <a:extLst>
              <a:ext uri="{FF2B5EF4-FFF2-40B4-BE49-F238E27FC236}">
                <a16:creationId xmlns:a16="http://schemas.microsoft.com/office/drawing/2014/main" id="{9E62D0DD-D46A-F9F3-E2F3-FC06907F8913}"/>
              </a:ext>
            </a:extLst>
          </p:cNvPr>
          <p:cNvCxnSpPr>
            <a:cxnSpLocks/>
          </p:cNvCxnSpPr>
          <p:nvPr/>
        </p:nvCxnSpPr>
        <p:spPr>
          <a:xfrm flipH="1">
            <a:off x="9657812" y="1633808"/>
            <a:ext cx="839637" cy="114443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5" name="Rett pilkobling 14">
            <a:extLst>
              <a:ext uri="{FF2B5EF4-FFF2-40B4-BE49-F238E27FC236}">
                <a16:creationId xmlns:a16="http://schemas.microsoft.com/office/drawing/2014/main" id="{D7FB485F-8B4B-2FC4-F3CD-AEADBD6C350C}"/>
              </a:ext>
            </a:extLst>
          </p:cNvPr>
          <p:cNvCxnSpPr>
            <a:cxnSpLocks/>
          </p:cNvCxnSpPr>
          <p:nvPr/>
        </p:nvCxnSpPr>
        <p:spPr>
          <a:xfrm>
            <a:off x="8729034" y="3847920"/>
            <a:ext cx="37382" cy="91440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 name="Rett pilkobling 15">
            <a:extLst>
              <a:ext uri="{FF2B5EF4-FFF2-40B4-BE49-F238E27FC236}">
                <a16:creationId xmlns:a16="http://schemas.microsoft.com/office/drawing/2014/main" id="{E5345AD3-39EC-3BD1-51B0-06A4DEBD0B4B}"/>
              </a:ext>
            </a:extLst>
          </p:cNvPr>
          <p:cNvCxnSpPr>
            <a:cxnSpLocks/>
          </p:cNvCxnSpPr>
          <p:nvPr/>
        </p:nvCxnSpPr>
        <p:spPr>
          <a:xfrm flipH="1">
            <a:off x="6911735" y="3661013"/>
            <a:ext cx="969033" cy="68436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7" name="Rett pilkobling 16">
            <a:extLst>
              <a:ext uri="{FF2B5EF4-FFF2-40B4-BE49-F238E27FC236}">
                <a16:creationId xmlns:a16="http://schemas.microsoft.com/office/drawing/2014/main" id="{2BE52B9B-331D-81B8-87B8-8DB1D434CE72}"/>
              </a:ext>
            </a:extLst>
          </p:cNvPr>
          <p:cNvCxnSpPr>
            <a:cxnSpLocks/>
          </p:cNvCxnSpPr>
          <p:nvPr/>
        </p:nvCxnSpPr>
        <p:spPr>
          <a:xfrm>
            <a:off x="9807337" y="3675391"/>
            <a:ext cx="785002" cy="69874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8" name="TekstSylinder 17">
            <a:extLst>
              <a:ext uri="{FF2B5EF4-FFF2-40B4-BE49-F238E27FC236}">
                <a16:creationId xmlns:a16="http://schemas.microsoft.com/office/drawing/2014/main" id="{D2379495-111B-2542-EF1C-9A34326C4530}"/>
              </a:ext>
            </a:extLst>
          </p:cNvPr>
          <p:cNvSpPr txBox="1"/>
          <p:nvPr/>
        </p:nvSpPr>
        <p:spPr>
          <a:xfrm>
            <a:off x="6952890" y="8626"/>
            <a:ext cx="3016369"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err="1">
                <a:latin typeface="Arial"/>
                <a:cs typeface="Arial"/>
              </a:rPr>
              <a:t>Palermo,Denis</a:t>
            </a:r>
            <a:r>
              <a:rPr lang="en-US">
                <a:latin typeface="Arial"/>
                <a:cs typeface="Arial"/>
              </a:rPr>
              <a:t> et al. (2012)</a:t>
            </a:r>
            <a:endParaRPr lang="en-US"/>
          </a:p>
        </p:txBody>
      </p:sp>
    </p:spTree>
    <p:extLst>
      <p:ext uri="{BB962C8B-B14F-4D97-AF65-F5344CB8AC3E}">
        <p14:creationId xmlns:p14="http://schemas.microsoft.com/office/powerpoint/2010/main" val="2637926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EFFA73D2-92B6-5760-CAF5-27345768A390}"/>
              </a:ext>
            </a:extLst>
          </p:cNvPr>
          <p:cNvSpPr>
            <a:spLocks noGrp="1"/>
          </p:cNvSpPr>
          <p:nvPr>
            <p:ph type="title"/>
          </p:nvPr>
        </p:nvSpPr>
        <p:spPr>
          <a:xfrm>
            <a:off x="2043574" y="147794"/>
            <a:ext cx="10146345" cy="1051168"/>
          </a:xfrm>
        </p:spPr>
        <p:txBody>
          <a:bodyPr/>
          <a:lstStyle/>
          <a:p>
            <a:r>
              <a:rPr lang="nb-NO">
                <a:ea typeface="+mj-lt"/>
                <a:cs typeface="+mj-lt"/>
              </a:rPr>
              <a:t>Quantum </a:t>
            </a:r>
            <a:r>
              <a:rPr lang="nb-NO" err="1">
                <a:ea typeface="+mj-lt"/>
                <a:cs typeface="+mj-lt"/>
              </a:rPr>
              <a:t>computing</a:t>
            </a:r>
            <a:endParaRPr lang="nb-NO" err="1">
              <a:cs typeface="Calibri"/>
            </a:endParaRPr>
          </a:p>
        </p:txBody>
      </p:sp>
      <p:sp>
        <p:nvSpPr>
          <p:cNvPr id="3" name="Plassholder for tekst 2">
            <a:extLst>
              <a:ext uri="{FF2B5EF4-FFF2-40B4-BE49-F238E27FC236}">
                <a16:creationId xmlns:a16="http://schemas.microsoft.com/office/drawing/2014/main" id="{F07B3BF2-E771-7314-FD63-7EDC710D92F0}"/>
              </a:ext>
            </a:extLst>
          </p:cNvPr>
          <p:cNvSpPr>
            <a:spLocks noGrp="1"/>
          </p:cNvSpPr>
          <p:nvPr>
            <p:ph type="body" sz="quarter" idx="12"/>
          </p:nvPr>
        </p:nvSpPr>
        <p:spPr>
          <a:xfrm>
            <a:off x="593227" y="2005018"/>
            <a:ext cx="10752429" cy="3910012"/>
          </a:xfrm>
        </p:spPr>
        <p:txBody>
          <a:bodyPr vert="horz" lIns="0" tIns="0" rIns="0" bIns="0" rtlCol="0" anchor="t">
            <a:normAutofit/>
          </a:bodyPr>
          <a:lstStyle/>
          <a:p>
            <a:endParaRPr lang="nb-NO">
              <a:latin typeface="Calibri Light"/>
              <a:ea typeface="Calibri Light" panose="020F0302020204030204" pitchFamily="34" charset="0"/>
              <a:cs typeface="Calibri Light"/>
            </a:endParaRPr>
          </a:p>
          <a:p>
            <a:r>
              <a:rPr lang="nb-NO" err="1">
                <a:latin typeface="Calibri Light"/>
                <a:ea typeface="Calibri Light" panose="020F0302020204030204" pitchFamily="34" charset="0"/>
                <a:cs typeface="Calibri Light"/>
              </a:rPr>
              <a:t>Qubits</a:t>
            </a:r>
            <a:r>
              <a:rPr lang="nb-NO">
                <a:latin typeface="Calibri Light"/>
                <a:ea typeface="Calibri Light" panose="020F0302020204030204" pitchFamily="34" charset="0"/>
                <a:cs typeface="Calibri Light"/>
              </a:rPr>
              <a:t> </a:t>
            </a:r>
            <a:endParaRPr lang="nb-NO" err="1">
              <a:ea typeface="Calibri Light" panose="020F0302020204030204" pitchFamily="34" charset="0"/>
              <a:cs typeface="Calibri Light"/>
            </a:endParaRPr>
          </a:p>
          <a:p>
            <a:r>
              <a:rPr lang="nb-NO">
                <a:latin typeface="Calibri Light"/>
                <a:ea typeface="Calibri Light" panose="020F0302020204030204" pitchFamily="34" charset="0"/>
                <a:cs typeface="Calibri Light"/>
              </a:rPr>
              <a:t>Quantum </a:t>
            </a:r>
            <a:r>
              <a:rPr lang="nb-NO" err="1">
                <a:latin typeface="Calibri Light"/>
                <a:ea typeface="Calibri Light" panose="020F0302020204030204" pitchFamily="34" charset="0"/>
                <a:cs typeface="Calibri Light"/>
              </a:rPr>
              <a:t>circuit</a:t>
            </a:r>
          </a:p>
          <a:p>
            <a:r>
              <a:rPr lang="nb-NO" err="1">
                <a:latin typeface="Calibri Light"/>
                <a:ea typeface="Calibri Light" panose="020F0302020204030204" pitchFamily="34" charset="0"/>
                <a:cs typeface="Calibri Light"/>
              </a:rPr>
              <a:t>Possible</a:t>
            </a:r>
            <a:r>
              <a:rPr lang="nb-NO">
                <a:latin typeface="Calibri Light"/>
                <a:ea typeface="Calibri Light" panose="020F0302020204030204" pitchFamily="34" charset="0"/>
                <a:cs typeface="Calibri Light"/>
              </a:rPr>
              <a:t> </a:t>
            </a:r>
            <a:r>
              <a:rPr lang="nb-NO" err="1">
                <a:latin typeface="Calibri Light"/>
                <a:ea typeface="Calibri Light" panose="020F0302020204030204" pitchFamily="34" charset="0"/>
                <a:cs typeface="Calibri Light"/>
              </a:rPr>
              <a:t>applications</a:t>
            </a:r>
            <a:endParaRPr lang="nb-NO" err="1">
              <a:ea typeface="Calibri Light" panose="020F0302020204030204" pitchFamily="34" charset="0"/>
              <a:cs typeface="Calibri Light"/>
            </a:endParaRPr>
          </a:p>
          <a:p>
            <a:pPr lvl="1"/>
            <a:r>
              <a:rPr lang="nb-NO" err="1">
                <a:latin typeface="Calibri Light"/>
                <a:ea typeface="Calibri Light" panose="020F0302020204030204" pitchFamily="34" charset="0"/>
                <a:cs typeface="Calibri Light"/>
              </a:rPr>
              <a:t>Cryptography</a:t>
            </a:r>
            <a:r>
              <a:rPr lang="nb-NO">
                <a:latin typeface="Calibri Light"/>
                <a:ea typeface="Calibri Light" panose="020F0302020204030204" pitchFamily="34" charset="0"/>
                <a:cs typeface="Calibri Light"/>
              </a:rPr>
              <a:t> </a:t>
            </a:r>
            <a:endParaRPr lang="nb-NO">
              <a:ea typeface="Calibri Light" panose="020F0302020204030204" pitchFamily="34" charset="0"/>
            </a:endParaRPr>
          </a:p>
          <a:p>
            <a:pPr lvl="1"/>
            <a:r>
              <a:rPr lang="nb-NO" err="1">
                <a:latin typeface="Calibri Light"/>
                <a:ea typeface="Calibri Light" panose="020F0302020204030204" pitchFamily="34" charset="0"/>
                <a:cs typeface="Calibri Light"/>
              </a:rPr>
              <a:t>Search</a:t>
            </a:r>
            <a:r>
              <a:rPr lang="nb-NO">
                <a:latin typeface="Calibri Light"/>
                <a:ea typeface="Calibri Light" panose="020F0302020204030204" pitchFamily="34" charset="0"/>
                <a:cs typeface="Calibri Light"/>
              </a:rPr>
              <a:t> problems</a:t>
            </a:r>
            <a:endParaRPr lang="nb-NO">
              <a:ea typeface="Calibri Light" panose="020F0302020204030204" pitchFamily="34" charset="0"/>
            </a:endParaRPr>
          </a:p>
          <a:p>
            <a:pPr lvl="1"/>
            <a:r>
              <a:rPr lang="nb-NO" err="1">
                <a:latin typeface="Calibri Light"/>
                <a:ea typeface="Calibri Light" panose="020F0302020204030204" pitchFamily="34" charset="0"/>
                <a:cs typeface="Calibri Light"/>
              </a:rPr>
              <a:t>Simulation</a:t>
            </a:r>
            <a:r>
              <a:rPr lang="nb-NO">
                <a:latin typeface="Calibri Light"/>
                <a:ea typeface="Calibri Light" panose="020F0302020204030204" pitchFamily="34" charset="0"/>
                <a:cs typeface="Calibri Light"/>
              </a:rPr>
              <a:t> </a:t>
            </a:r>
            <a:r>
              <a:rPr lang="nb-NO" err="1">
                <a:latin typeface="Calibri Light"/>
                <a:ea typeface="Calibri Light" panose="020F0302020204030204" pitchFamily="34" charset="0"/>
                <a:cs typeface="Calibri Light"/>
              </a:rPr>
              <a:t>of</a:t>
            </a:r>
            <a:r>
              <a:rPr lang="nb-NO">
                <a:latin typeface="Calibri Light"/>
                <a:ea typeface="Calibri Light" panose="020F0302020204030204" pitchFamily="34" charset="0"/>
                <a:cs typeface="Calibri Light"/>
              </a:rPr>
              <a:t> </a:t>
            </a:r>
            <a:r>
              <a:rPr lang="nb-NO" err="1">
                <a:latin typeface="Calibri Light"/>
                <a:ea typeface="Calibri Light" panose="020F0302020204030204" pitchFamily="34" charset="0"/>
                <a:cs typeface="Calibri Light"/>
              </a:rPr>
              <a:t>quantum</a:t>
            </a:r>
            <a:r>
              <a:rPr lang="nb-NO">
                <a:latin typeface="Calibri Light"/>
                <a:ea typeface="Calibri Light" panose="020F0302020204030204" pitchFamily="34" charset="0"/>
                <a:cs typeface="Calibri Light"/>
              </a:rPr>
              <a:t> systems</a:t>
            </a:r>
            <a:endParaRPr lang="nb-NO">
              <a:ea typeface="Calibri Light" panose="020F0302020204030204" pitchFamily="34" charset="0"/>
            </a:endParaRPr>
          </a:p>
          <a:p>
            <a:pPr lvl="1"/>
            <a:r>
              <a:rPr lang="nb-NO" err="1">
                <a:latin typeface="Calibri Light"/>
                <a:ea typeface="Calibri Light" panose="020F0302020204030204" pitchFamily="34" charset="0"/>
                <a:cs typeface="Calibri Light"/>
              </a:rPr>
              <a:t>Optimization</a:t>
            </a:r>
            <a:endParaRPr lang="nb-NO" err="1">
              <a:ea typeface="Calibri Light" panose="020F0302020204030204" pitchFamily="34" charset="0"/>
            </a:endParaRPr>
          </a:p>
          <a:p>
            <a:endParaRPr lang="nb-NO">
              <a:ea typeface="Calibri Light" panose="020F0302020204030204" pitchFamily="34" charset="0"/>
            </a:endParaRPr>
          </a:p>
        </p:txBody>
      </p:sp>
      <p:sp>
        <p:nvSpPr>
          <p:cNvPr id="4" name="Plassholder for bunntekst 3">
            <a:extLst>
              <a:ext uri="{FF2B5EF4-FFF2-40B4-BE49-F238E27FC236}">
                <a16:creationId xmlns:a16="http://schemas.microsoft.com/office/drawing/2014/main" id="{1B166E44-F048-1586-0DDE-6583A95E981E}"/>
              </a:ext>
            </a:extLst>
          </p:cNvPr>
          <p:cNvSpPr>
            <a:spLocks noGrp="1"/>
          </p:cNvSpPr>
          <p:nvPr>
            <p:ph type="ftr" sz="quarter" idx="14"/>
          </p:nvPr>
        </p:nvSpPr>
        <p:spPr/>
        <p:txBody>
          <a:bodyPr/>
          <a:lstStyle/>
          <a:p>
            <a:r>
              <a:rPr lang="en-US"/>
              <a:t>Technology for a better society</a:t>
            </a:r>
            <a:endParaRPr lang="nb-NO"/>
          </a:p>
        </p:txBody>
      </p:sp>
      <p:pic>
        <p:nvPicPr>
          <p:cNvPr id="6" name="Bilde 6">
            <a:extLst>
              <a:ext uri="{FF2B5EF4-FFF2-40B4-BE49-F238E27FC236}">
                <a16:creationId xmlns:a16="http://schemas.microsoft.com/office/drawing/2014/main" id="{FA88FE97-6F5C-E2E7-E728-BCDDCE84D50F}"/>
              </a:ext>
            </a:extLst>
          </p:cNvPr>
          <p:cNvPicPr>
            <a:picLocks noChangeAspect="1"/>
          </p:cNvPicPr>
          <p:nvPr/>
        </p:nvPicPr>
        <p:blipFill>
          <a:blip r:embed="rId3"/>
          <a:stretch>
            <a:fillRect/>
          </a:stretch>
        </p:blipFill>
        <p:spPr>
          <a:xfrm>
            <a:off x="5746478" y="1611249"/>
            <a:ext cx="2743200" cy="674043"/>
          </a:xfrm>
          <a:prstGeom prst="rect">
            <a:avLst/>
          </a:prstGeom>
        </p:spPr>
      </p:pic>
      <p:pic>
        <p:nvPicPr>
          <p:cNvPr id="8" name="Bilde 8" descr="Et bilde som inneholder tekst, klokke&#10;&#10;Automatisk generert beskrivelse">
            <a:extLst>
              <a:ext uri="{FF2B5EF4-FFF2-40B4-BE49-F238E27FC236}">
                <a16:creationId xmlns:a16="http://schemas.microsoft.com/office/drawing/2014/main" id="{6AEF8885-D5A8-67C7-096D-EFF888A6F27E}"/>
              </a:ext>
            </a:extLst>
          </p:cNvPr>
          <p:cNvPicPr>
            <a:picLocks noChangeAspect="1"/>
          </p:cNvPicPr>
          <p:nvPr/>
        </p:nvPicPr>
        <p:blipFill>
          <a:blip r:embed="rId4"/>
          <a:stretch>
            <a:fillRect/>
          </a:stretch>
        </p:blipFill>
        <p:spPr>
          <a:xfrm>
            <a:off x="5032828" y="3066651"/>
            <a:ext cx="5346701" cy="2003769"/>
          </a:xfrm>
          <a:prstGeom prst="rect">
            <a:avLst/>
          </a:prstGeom>
        </p:spPr>
      </p:pic>
    </p:spTree>
    <p:extLst>
      <p:ext uri="{BB962C8B-B14F-4D97-AF65-F5344CB8AC3E}">
        <p14:creationId xmlns:p14="http://schemas.microsoft.com/office/powerpoint/2010/main" val="278311706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AC599D6-6469-5817-DEF0-AC2117790B91}"/>
              </a:ext>
            </a:extLst>
          </p:cNvPr>
          <p:cNvSpPr>
            <a:spLocks noGrp="1"/>
          </p:cNvSpPr>
          <p:nvPr>
            <p:ph type="title"/>
          </p:nvPr>
        </p:nvSpPr>
        <p:spPr>
          <a:xfrm>
            <a:off x="2102644" y="379964"/>
            <a:ext cx="10007579" cy="1051168"/>
          </a:xfrm>
        </p:spPr>
        <p:txBody>
          <a:bodyPr/>
          <a:lstStyle/>
          <a:p>
            <a:r>
              <a:rPr lang="nb-NO">
                <a:ea typeface="Calibri"/>
                <a:cs typeface="Calibri"/>
              </a:rPr>
              <a:t>QAOA-</a:t>
            </a:r>
            <a:br>
              <a:rPr lang="nb-NO">
                <a:ea typeface="Calibri"/>
                <a:cs typeface="Calibri"/>
              </a:rPr>
            </a:br>
            <a:r>
              <a:rPr lang="nb-NO">
                <a:ea typeface="Calibri"/>
                <a:cs typeface="Calibri"/>
              </a:rPr>
              <a:t>Quantum </a:t>
            </a:r>
            <a:r>
              <a:rPr lang="nb-NO" err="1">
                <a:ea typeface="Calibri"/>
                <a:cs typeface="Calibri"/>
              </a:rPr>
              <a:t>Approximate</a:t>
            </a:r>
            <a:r>
              <a:rPr lang="nb-NO">
                <a:ea typeface="Calibri"/>
                <a:cs typeface="Calibri"/>
              </a:rPr>
              <a:t> </a:t>
            </a:r>
            <a:r>
              <a:rPr lang="nb-NO" err="1">
                <a:ea typeface="Calibri"/>
                <a:cs typeface="Calibri"/>
              </a:rPr>
              <a:t>Optimization</a:t>
            </a:r>
            <a:r>
              <a:rPr lang="nb-NO">
                <a:ea typeface="Calibri"/>
                <a:cs typeface="Calibri"/>
              </a:rPr>
              <a:t> </a:t>
            </a:r>
            <a:r>
              <a:rPr lang="nb-NO" err="1">
                <a:ea typeface="Calibri"/>
                <a:cs typeface="Calibri"/>
              </a:rPr>
              <a:t>Algorithm</a:t>
            </a:r>
            <a:endParaRPr lang="nb-NO" err="1"/>
          </a:p>
        </p:txBody>
      </p:sp>
      <p:sp>
        <p:nvSpPr>
          <p:cNvPr id="3" name="Plassholder for tekst 2">
            <a:extLst>
              <a:ext uri="{FF2B5EF4-FFF2-40B4-BE49-F238E27FC236}">
                <a16:creationId xmlns:a16="http://schemas.microsoft.com/office/drawing/2014/main" id="{1475C74B-2B11-E30D-6187-B1699FE322FB}"/>
              </a:ext>
            </a:extLst>
          </p:cNvPr>
          <p:cNvSpPr>
            <a:spLocks noGrp="1"/>
          </p:cNvSpPr>
          <p:nvPr>
            <p:ph type="body" sz="quarter" idx="12"/>
          </p:nvPr>
        </p:nvSpPr>
        <p:spPr>
          <a:xfrm>
            <a:off x="718775" y="2101363"/>
            <a:ext cx="10752429" cy="3910012"/>
          </a:xfrm>
        </p:spPr>
        <p:txBody>
          <a:bodyPr vert="horz" lIns="0" tIns="0" rIns="0" bIns="0" rtlCol="0" anchor="t">
            <a:normAutofit/>
          </a:bodyPr>
          <a:lstStyle/>
          <a:p>
            <a:r>
              <a:rPr lang="nb-NO" err="1">
                <a:latin typeface="Calibri Light"/>
                <a:ea typeface="Calibri Light"/>
                <a:cs typeface="Calibri Light"/>
              </a:rPr>
              <a:t>Combinatorial</a:t>
            </a:r>
            <a:r>
              <a:rPr lang="nb-NO">
                <a:latin typeface="Calibri Light"/>
                <a:ea typeface="Calibri Light"/>
                <a:cs typeface="Calibri Light"/>
              </a:rPr>
              <a:t> </a:t>
            </a:r>
            <a:r>
              <a:rPr lang="nb-NO" err="1">
                <a:latin typeface="Calibri Light"/>
                <a:ea typeface="Calibri Light"/>
                <a:cs typeface="Calibri Light"/>
              </a:rPr>
              <a:t>optimization</a:t>
            </a:r>
            <a:r>
              <a:rPr lang="nb-NO">
                <a:latin typeface="Calibri Light"/>
                <a:ea typeface="Calibri Light"/>
                <a:cs typeface="Calibri Light"/>
              </a:rPr>
              <a:t> problems</a:t>
            </a:r>
          </a:p>
          <a:p>
            <a:endParaRPr lang="nb-NO">
              <a:ea typeface="Calibri Light"/>
            </a:endParaRPr>
          </a:p>
          <a:p>
            <a:pPr marL="0" indent="0">
              <a:buNone/>
            </a:pPr>
            <a:endParaRPr lang="nb-NO">
              <a:ea typeface="Calibri Light"/>
            </a:endParaRPr>
          </a:p>
        </p:txBody>
      </p:sp>
      <p:sp>
        <p:nvSpPr>
          <p:cNvPr id="4" name="Plassholder for bunntekst 3">
            <a:extLst>
              <a:ext uri="{FF2B5EF4-FFF2-40B4-BE49-F238E27FC236}">
                <a16:creationId xmlns:a16="http://schemas.microsoft.com/office/drawing/2014/main" id="{27BAB749-C269-C33C-0757-9E727000D985}"/>
              </a:ext>
            </a:extLst>
          </p:cNvPr>
          <p:cNvSpPr>
            <a:spLocks noGrp="1"/>
          </p:cNvSpPr>
          <p:nvPr>
            <p:ph type="ftr" sz="quarter" idx="14"/>
          </p:nvPr>
        </p:nvSpPr>
        <p:spPr/>
        <p:txBody>
          <a:bodyPr/>
          <a:lstStyle/>
          <a:p>
            <a:r>
              <a:rPr lang="en-US"/>
              <a:t>Technology for a better society</a:t>
            </a:r>
            <a:endParaRPr lang="nb-NO"/>
          </a:p>
        </p:txBody>
      </p:sp>
      <p:sp>
        <p:nvSpPr>
          <p:cNvPr id="10" name="Ellipse 9">
            <a:extLst>
              <a:ext uri="{FF2B5EF4-FFF2-40B4-BE49-F238E27FC236}">
                <a16:creationId xmlns:a16="http://schemas.microsoft.com/office/drawing/2014/main" id="{F35AE43A-E83E-C4D7-C71B-8DACB55AF1BD}"/>
              </a:ext>
            </a:extLst>
          </p:cNvPr>
          <p:cNvSpPr/>
          <p:nvPr/>
        </p:nvSpPr>
        <p:spPr>
          <a:xfrm>
            <a:off x="9087338" y="2493107"/>
            <a:ext cx="201247" cy="201247"/>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
        <p:nvSpPr>
          <p:cNvPr id="13" name="Ellipse 12">
            <a:extLst>
              <a:ext uri="{FF2B5EF4-FFF2-40B4-BE49-F238E27FC236}">
                <a16:creationId xmlns:a16="http://schemas.microsoft.com/office/drawing/2014/main" id="{CBE09A4C-6DE7-4510-35CE-CD779E554D65}"/>
              </a:ext>
            </a:extLst>
          </p:cNvPr>
          <p:cNvSpPr/>
          <p:nvPr/>
        </p:nvSpPr>
        <p:spPr>
          <a:xfrm>
            <a:off x="6723183" y="3323491"/>
            <a:ext cx="201247" cy="201247"/>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
        <p:nvSpPr>
          <p:cNvPr id="14" name="Ellipse 13">
            <a:extLst>
              <a:ext uri="{FF2B5EF4-FFF2-40B4-BE49-F238E27FC236}">
                <a16:creationId xmlns:a16="http://schemas.microsoft.com/office/drawing/2014/main" id="{E47CAC64-1CA5-93F5-4B6C-183D28A16CA0}"/>
              </a:ext>
            </a:extLst>
          </p:cNvPr>
          <p:cNvSpPr/>
          <p:nvPr/>
        </p:nvSpPr>
        <p:spPr>
          <a:xfrm>
            <a:off x="7885722" y="3694721"/>
            <a:ext cx="201247" cy="201247"/>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sp>
        <p:nvSpPr>
          <p:cNvPr id="15" name="Ellipse 14">
            <a:extLst>
              <a:ext uri="{FF2B5EF4-FFF2-40B4-BE49-F238E27FC236}">
                <a16:creationId xmlns:a16="http://schemas.microsoft.com/office/drawing/2014/main" id="{882EBC66-C61E-7126-F5AF-3F786C16AF74}"/>
              </a:ext>
            </a:extLst>
          </p:cNvPr>
          <p:cNvSpPr/>
          <p:nvPr/>
        </p:nvSpPr>
        <p:spPr>
          <a:xfrm>
            <a:off x="7924799" y="2532183"/>
            <a:ext cx="201247" cy="201247"/>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nb-NO">
              <a:solidFill>
                <a:schemeClr val="tx2"/>
              </a:solidFill>
              <a:highlight>
                <a:srgbClr val="000000"/>
              </a:highlight>
              <a:ea typeface="Calibri"/>
              <a:cs typeface="Calibri"/>
            </a:endParaRPr>
          </a:p>
        </p:txBody>
      </p:sp>
      <p:cxnSp>
        <p:nvCxnSpPr>
          <p:cNvPr id="16" name="Rett pilkobling 15">
            <a:extLst>
              <a:ext uri="{FF2B5EF4-FFF2-40B4-BE49-F238E27FC236}">
                <a16:creationId xmlns:a16="http://schemas.microsoft.com/office/drawing/2014/main" id="{04A192A3-6F54-9603-0B46-7C9F908A6E15}"/>
              </a:ext>
            </a:extLst>
          </p:cNvPr>
          <p:cNvCxnSpPr/>
          <p:nvPr/>
        </p:nvCxnSpPr>
        <p:spPr>
          <a:xfrm flipV="1">
            <a:off x="7997441" y="2583018"/>
            <a:ext cx="1191845" cy="68385"/>
          </a:xfrm>
          <a:prstGeom prst="straightConnector1">
            <a:avLst/>
          </a:prstGeom>
        </p:spPr>
        <p:style>
          <a:lnRef idx="3">
            <a:schemeClr val="dk1"/>
          </a:lnRef>
          <a:fillRef idx="0">
            <a:schemeClr val="dk1"/>
          </a:fillRef>
          <a:effectRef idx="2">
            <a:schemeClr val="dk1"/>
          </a:effectRef>
          <a:fontRef idx="minor">
            <a:schemeClr val="tx1"/>
          </a:fontRef>
        </p:style>
      </p:cxnSp>
      <p:cxnSp>
        <p:nvCxnSpPr>
          <p:cNvPr id="17" name="Rett pilkobling 16">
            <a:extLst>
              <a:ext uri="{FF2B5EF4-FFF2-40B4-BE49-F238E27FC236}">
                <a16:creationId xmlns:a16="http://schemas.microsoft.com/office/drawing/2014/main" id="{2A09838D-5987-81C4-199C-E3FE284A71A0}"/>
              </a:ext>
            </a:extLst>
          </p:cNvPr>
          <p:cNvCxnSpPr>
            <a:cxnSpLocks/>
          </p:cNvCxnSpPr>
          <p:nvPr/>
        </p:nvCxnSpPr>
        <p:spPr>
          <a:xfrm>
            <a:off x="6786057" y="3413402"/>
            <a:ext cx="1221152" cy="390768"/>
          </a:xfrm>
          <a:prstGeom prst="straightConnector1">
            <a:avLst/>
          </a:prstGeom>
        </p:spPr>
        <p:style>
          <a:lnRef idx="3">
            <a:schemeClr val="dk1"/>
          </a:lnRef>
          <a:fillRef idx="0">
            <a:schemeClr val="dk1"/>
          </a:fillRef>
          <a:effectRef idx="2">
            <a:schemeClr val="dk1"/>
          </a:effectRef>
          <a:fontRef idx="minor">
            <a:schemeClr val="tx1"/>
          </a:fontRef>
        </p:style>
      </p:cxnSp>
      <p:cxnSp>
        <p:nvCxnSpPr>
          <p:cNvPr id="18" name="Rett pilkobling 17">
            <a:extLst>
              <a:ext uri="{FF2B5EF4-FFF2-40B4-BE49-F238E27FC236}">
                <a16:creationId xmlns:a16="http://schemas.microsoft.com/office/drawing/2014/main" id="{EC7C6FD8-1089-2434-896C-631FA7FCE948}"/>
              </a:ext>
            </a:extLst>
          </p:cNvPr>
          <p:cNvCxnSpPr>
            <a:cxnSpLocks/>
          </p:cNvCxnSpPr>
          <p:nvPr/>
        </p:nvCxnSpPr>
        <p:spPr>
          <a:xfrm flipV="1">
            <a:off x="6854440" y="2661172"/>
            <a:ext cx="1143000" cy="801076"/>
          </a:xfrm>
          <a:prstGeom prst="straightConnector1">
            <a:avLst/>
          </a:prstGeom>
        </p:spPr>
        <p:style>
          <a:lnRef idx="3">
            <a:schemeClr val="dk1"/>
          </a:lnRef>
          <a:fillRef idx="0">
            <a:schemeClr val="dk1"/>
          </a:fillRef>
          <a:effectRef idx="2">
            <a:schemeClr val="dk1"/>
          </a:effectRef>
          <a:fontRef idx="minor">
            <a:schemeClr val="tx1"/>
          </a:fontRef>
        </p:style>
      </p:cxnSp>
      <p:cxnSp>
        <p:nvCxnSpPr>
          <p:cNvPr id="19" name="Rett pilkobling 18">
            <a:extLst>
              <a:ext uri="{FF2B5EF4-FFF2-40B4-BE49-F238E27FC236}">
                <a16:creationId xmlns:a16="http://schemas.microsoft.com/office/drawing/2014/main" id="{17894D9A-EB38-D0FF-8081-BEB2C355DF88}"/>
              </a:ext>
            </a:extLst>
          </p:cNvPr>
          <p:cNvCxnSpPr>
            <a:cxnSpLocks/>
          </p:cNvCxnSpPr>
          <p:nvPr/>
        </p:nvCxnSpPr>
        <p:spPr>
          <a:xfrm flipV="1">
            <a:off x="7977902" y="2641633"/>
            <a:ext cx="39077" cy="1152769"/>
          </a:xfrm>
          <a:prstGeom prst="straightConnector1">
            <a:avLst/>
          </a:prstGeom>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1209175498"/>
      </p:ext>
    </p:extLst>
  </p:cSld>
  <p:clrMapOvr>
    <a:masterClrMapping/>
  </p:clrMapOvr>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903935036968407"/>
</p:tagLst>
</file>

<file path=ppt/tags/tag2.xml><?xml version="1.0" encoding="utf-8"?>
<p:tagLst xmlns:a="http://schemas.openxmlformats.org/drawingml/2006/main" xmlns:r="http://schemas.openxmlformats.org/officeDocument/2006/relationships" xmlns:p="http://schemas.openxmlformats.org/presentationml/2006/main">
  <p:tag name="TEMPLAFYSLIDEID" val="637903935036968408"/>
</p:tagLst>
</file>

<file path=ppt/tags/tag3.xml><?xml version="1.0" encoding="utf-8"?>
<p:tagLst xmlns:a="http://schemas.openxmlformats.org/drawingml/2006/main" xmlns:r="http://schemas.openxmlformats.org/officeDocument/2006/relationships" xmlns:p="http://schemas.openxmlformats.org/presentationml/2006/main">
  <p:tag name="TEMPLAFYSLIDEID" val="637908919210493095"/>
</p:tagLst>
</file>

<file path=ppt/theme/theme1.xml><?xml version="1.0" encoding="utf-8"?>
<a:theme xmlns:a="http://schemas.openxmlformats.org/drawingml/2006/main" name="Ute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2.xml><?xml version="1.0" encoding="utf-8"?>
<a:theme xmlns:a="http://schemas.openxmlformats.org/drawingml/2006/main" name="Uten bunnline (Blå)">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3.xml><?xml version="1.0" encoding="utf-8"?>
<a:theme xmlns:a="http://schemas.openxmlformats.org/drawingml/2006/main" name="Kapitteldeler">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D982FC97A4EB864EBF6B6ADD443A67CC" ma:contentTypeVersion="14" ma:contentTypeDescription="Opprett et nytt dokument." ma:contentTypeScope="" ma:versionID="a59811bd92298090e6a76c55d4651efa">
  <xsd:schema xmlns:xsd="http://www.w3.org/2001/XMLSchema" xmlns:xs="http://www.w3.org/2001/XMLSchema" xmlns:p="http://schemas.microsoft.com/office/2006/metadata/properties" xmlns:ns2="3b00a67f-9791-437e-b702-303a706ea042" xmlns:ns3="7dc3d6ed-56f1-49b6-b310-0ff680cfe62a" targetNamespace="http://schemas.microsoft.com/office/2006/metadata/properties" ma:root="true" ma:fieldsID="4c3e1f195df9422cebd772257e8ef87d" ns2:_="" ns3:_="">
    <xsd:import namespace="3b00a67f-9791-437e-b702-303a706ea042"/>
    <xsd:import namespace="7dc3d6ed-56f1-49b6-b310-0ff680cfe62a"/>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DateTaken" minOccurs="0"/>
                <xsd:element ref="ns2:MediaServiceOCR" minOccurs="0"/>
                <xsd:element ref="ns2:MediaServiceAutoKeyPoints" minOccurs="0"/>
                <xsd:element ref="ns2:MediaServiceKeyPoints" minOccurs="0"/>
                <xsd:element ref="ns2:MediaServiceLocation"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b00a67f-9791-437e-b702-303a706ea04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DateTaken" ma:index="13" nillable="true" ma:displayName="MediaServiceDateTaken" ma:hidden="true" ma:internalName="MediaServiceDateTaken"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MediaLengthInSeconds" ma:index="18" nillable="true" ma:displayName="Length (seconds)" ma:internalName="MediaLengthInSeconds" ma:readOnly="true">
      <xsd:simpleType>
        <xsd:restriction base="dms:Unknown"/>
      </xsd:simpleType>
    </xsd:element>
    <xsd:element name="lcf76f155ced4ddcb4097134ff3c332f" ma:index="20" nillable="true" ma:taxonomy="true" ma:internalName="lcf76f155ced4ddcb4097134ff3c332f" ma:taxonomyFieldName="MediaServiceImageTags" ma:displayName="Bildemerkelapper" ma:readOnly="false" ma:fieldId="{5cf76f15-5ced-4ddc-b409-7134ff3c332f}" ma:taxonomyMulti="true" ma:sspId="378a55df-a9cd-4882-8adc-9ae50d80558a"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c3d6ed-56f1-49b6-b310-0ff680cfe62a"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a9d73458-8fb0-4777-9551-357d96ad6676}" ma:internalName="TaxCatchAll" ma:showField="CatchAllData" ma:web="7dc3d6ed-56f1-49b6-b310-0ff680cfe62a">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3b00a67f-9791-437e-b702-303a706ea042">
      <Terms xmlns="http://schemas.microsoft.com/office/infopath/2007/PartnerControls"/>
    </lcf76f155ced4ddcb4097134ff3c332f>
    <TaxCatchAll xmlns="7dc3d6ed-56f1-49b6-b310-0ff680cfe62a" xsi:nil="true"/>
  </documentManagement>
</p:properties>
</file>

<file path=customXml/itemProps1.xml><?xml version="1.0" encoding="utf-8"?>
<ds:datastoreItem xmlns:ds="http://schemas.openxmlformats.org/officeDocument/2006/customXml" ds:itemID="{E60B2701-B32A-4280-B309-FD22EBA2E952}">
  <ds:schemaRefs>
    <ds:schemaRef ds:uri="http://schemas.microsoft.com/sharepoint/v3/contenttype/forms"/>
  </ds:schemaRefs>
</ds:datastoreItem>
</file>

<file path=customXml/itemProps2.xml><?xml version="1.0" encoding="utf-8"?>
<ds:datastoreItem xmlns:ds="http://schemas.openxmlformats.org/officeDocument/2006/customXml" ds:itemID="{FBA790FB-3B41-4151-9EE2-2964B98772D4}">
  <ds:schemaRefs>
    <ds:schemaRef ds:uri="3b00a67f-9791-437e-b702-303a706ea042"/>
    <ds:schemaRef ds:uri="7dc3d6ed-56f1-49b6-b310-0ff680cfe62a"/>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0645A9D7-53BF-4F8A-B6A3-75E888763AAB}">
  <ds:schemaRefs>
    <ds:schemaRef ds:uri="3b00a67f-9791-437e-b702-303a706ea042"/>
    <ds:schemaRef ds:uri="7dc3d6ed-56f1-49b6-b310-0ff680cfe62a"/>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Sintef mal</Template>
  <Application>Microsoft Office PowerPoint</Application>
  <PresentationFormat>Widescreen</PresentationFormat>
  <Slides>14</Slides>
  <Notes>13</Notes>
  <HiddenSlides>0</HiddenSlides>
  <ScaleCrop>false</ScaleCrop>
  <HeadingPairs>
    <vt:vector size="4" baseType="variant">
      <vt:variant>
        <vt:lpstr>Theme</vt:lpstr>
      </vt:variant>
      <vt:variant>
        <vt:i4>3</vt:i4>
      </vt:variant>
      <vt:variant>
        <vt:lpstr>Slide Titles</vt:lpstr>
      </vt:variant>
      <vt:variant>
        <vt:i4>14</vt:i4>
      </vt:variant>
    </vt:vector>
  </HeadingPairs>
  <TitlesOfParts>
    <vt:vector size="17" baseType="lpstr">
      <vt:lpstr>Uten bunnlinje</vt:lpstr>
      <vt:lpstr>Uten bunnline (Blå)</vt:lpstr>
      <vt:lpstr>Kapitteldeler</vt:lpstr>
      <vt:lpstr>Computational Geosciences</vt:lpstr>
      <vt:lpstr>The group</vt:lpstr>
      <vt:lpstr>My project – CO2 migration</vt:lpstr>
      <vt:lpstr>My project – CO2 migration</vt:lpstr>
      <vt:lpstr>My project – CO2 migration</vt:lpstr>
      <vt:lpstr>Overarching goal</vt:lpstr>
      <vt:lpstr>Tentative plan</vt:lpstr>
      <vt:lpstr>Quantum computing</vt:lpstr>
      <vt:lpstr>QAOA- Quantum Approximate Optimization Algorithm</vt:lpstr>
      <vt:lpstr>QAOA- Quantum Approximate Optimization Algorithm</vt:lpstr>
      <vt:lpstr>QAOA- Quantum Approximate Optimization Algorithm</vt:lpstr>
      <vt:lpstr>QAOA- Quantum Approximate Optimization Algorithm</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sjon</dc:title>
  <cp:revision>1</cp:revision>
  <dcterms:created xsi:type="dcterms:W3CDTF">2020-09-21T08:48:04Z</dcterms:created>
  <dcterms:modified xsi:type="dcterms:W3CDTF">2022-07-05T09:27: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982FC97A4EB864EBF6B6ADD443A67CC</vt:lpwstr>
  </property>
  <property fmtid="{D5CDD505-2E9C-101B-9397-08002B2CF9AE}" pid="3" name="TemplafyTimeStamp">
    <vt:lpwstr>2022-06-14T09:32:26.4173907Z</vt:lpwstr>
  </property>
  <property fmtid="{D5CDD505-2E9C-101B-9397-08002B2CF9AE}" pid="4" name="MediaServiceImageTags">
    <vt:lpwstr/>
  </property>
  <property fmtid="{D5CDD505-2E9C-101B-9397-08002B2CF9AE}" pid="5" name="CustomerId">
    <vt:lpwstr>sintef</vt:lpwstr>
  </property>
  <property fmtid="{D5CDD505-2E9C-101B-9397-08002B2CF9AE}" pid="6" name="TemplateId">
    <vt:lpwstr>637469247420098111</vt:lpwstr>
  </property>
  <property fmtid="{D5CDD505-2E9C-101B-9397-08002B2CF9AE}" pid="7" name="UserProfileId">
    <vt:lpwstr>637737737680565594</vt:lpwstr>
  </property>
</Properties>
</file>